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61" r:id="rId2"/>
    <p:sldId id="258" r:id="rId3"/>
    <p:sldId id="265" r:id="rId4"/>
    <p:sldId id="266" r:id="rId5"/>
    <p:sldId id="267" r:id="rId6"/>
    <p:sldId id="268" r:id="rId7"/>
    <p:sldId id="269" r:id="rId8"/>
    <p:sldId id="270" r:id="rId9"/>
    <p:sldId id="271" r:id="rId10"/>
    <p:sldId id="272" r:id="rId11"/>
    <p:sldId id="273" r:id="rId12"/>
    <p:sldId id="274" r:id="rId13"/>
    <p:sldId id="275" r:id="rId14"/>
    <p:sldId id="260" r:id="rId15"/>
    <p:sldId id="276" r:id="rId16"/>
  </p:sldIdLst>
  <p:sldSz cx="12188825" cy="6858000"/>
  <p:notesSz cx="6797675" cy="9926638"/>
  <p:embeddedFontLst>
    <p:embeddedFont>
      <p:font typeface="AU Passata" panose="020B0503030502030804" pitchFamily="34" charset="77"/>
      <p:regular r:id="rId19"/>
      <p:bold r:id="rId20"/>
    </p:embeddedFont>
    <p:embeddedFont>
      <p:font typeface="AU Passata Light" panose="020B0303030902030804" pitchFamily="34" charset="77"/>
      <p:regular r:id="rId21"/>
      <p:bold r:id="rId22"/>
    </p:embeddedFont>
    <p:embeddedFont>
      <p:font typeface="AU Peto" pitchFamily="82" charset="77"/>
      <p:regular r:id="rId23"/>
      <p:bold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Cambria Math" panose="02040503050406030204" pitchFamily="18" charset="0"/>
      <p:regular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  <p:embeddedFont>
      <p:font typeface="Wingdings 3" pitchFamily="2" charset="2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1BED3D5-5F1A-AD45-9100-3151BB6060AC}" v="274" dt="2023-04-22T09:39:45.74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203" autoAdjust="0"/>
    <p:restoredTop sz="93467" autoAdjust="0"/>
  </p:normalViewPr>
  <p:slideViewPr>
    <p:cSldViewPr snapToObjects="1" showGuides="1">
      <p:cViewPr>
        <p:scale>
          <a:sx n="126" d="100"/>
          <a:sy n="126" d="100"/>
        </p:scale>
        <p:origin x="144" y="8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9" Type="http://schemas.microsoft.com/office/2016/11/relationships/changesInfo" Target="changesInfos/changesInfo1.xml"/><Relationship Id="rId21" Type="http://schemas.openxmlformats.org/officeDocument/2006/relationships/font" Target="fonts/font3.fntdata"/><Relationship Id="rId34" Type="http://schemas.openxmlformats.org/officeDocument/2006/relationships/font" Target="fonts/font16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font" Target="fonts/font15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37" Type="http://schemas.openxmlformats.org/officeDocument/2006/relationships/theme" Target="theme/theme1.xml"/><Relationship Id="rId40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asse Z. Jensen" userId="1018abd8-71a8-41c8-8b52-720555c644e8" providerId="ADAL" clId="{01BED3D5-5F1A-AD45-9100-3151BB6060AC}"/>
    <pc:docChg chg="undo custSel addSld delSld modSld">
      <pc:chgData name="Lasse Z. Jensen" userId="1018abd8-71a8-41c8-8b52-720555c644e8" providerId="ADAL" clId="{01BED3D5-5F1A-AD45-9100-3151BB6060AC}" dt="2023-04-22T12:50:11.884" v="5824" actId="20577"/>
      <pc:docMkLst>
        <pc:docMk/>
      </pc:docMkLst>
      <pc:sldChg chg="addSp delSp modSp mod modAnim">
        <pc:chgData name="Lasse Z. Jensen" userId="1018abd8-71a8-41c8-8b52-720555c644e8" providerId="ADAL" clId="{01BED3D5-5F1A-AD45-9100-3151BB6060AC}" dt="2023-04-20T12:41:54.383" v="15"/>
        <pc:sldMkLst>
          <pc:docMk/>
          <pc:sldMk cId="3535925220" sldId="258"/>
        </pc:sldMkLst>
        <pc:spChg chg="add mod">
          <ac:chgData name="Lasse Z. Jensen" userId="1018abd8-71a8-41c8-8b52-720555c644e8" providerId="ADAL" clId="{01BED3D5-5F1A-AD45-9100-3151BB6060AC}" dt="2023-04-20T12:39:10.433" v="10"/>
          <ac:spMkLst>
            <pc:docMk/>
            <pc:sldMk cId="3535925220" sldId="258"/>
            <ac:spMk id="2" creationId="{D0D51D44-FADB-E2C7-6674-A89C4D6A8908}"/>
          </ac:spMkLst>
        </pc:spChg>
        <pc:spChg chg="add mod">
          <ac:chgData name="Lasse Z. Jensen" userId="1018abd8-71a8-41c8-8b52-720555c644e8" providerId="ADAL" clId="{01BED3D5-5F1A-AD45-9100-3151BB6060AC}" dt="2023-04-20T12:39:10.433" v="10"/>
          <ac:spMkLst>
            <pc:docMk/>
            <pc:sldMk cId="3535925220" sldId="258"/>
            <ac:spMk id="3" creationId="{F0F617F5-84C6-EA44-E87E-A55F4447A74F}"/>
          </ac:spMkLst>
        </pc:spChg>
        <pc:spChg chg="add del">
          <ac:chgData name="Lasse Z. Jensen" userId="1018abd8-71a8-41c8-8b52-720555c644e8" providerId="ADAL" clId="{01BED3D5-5F1A-AD45-9100-3151BB6060AC}" dt="2023-04-20T12:41:37.242" v="14"/>
          <ac:spMkLst>
            <pc:docMk/>
            <pc:sldMk cId="3535925220" sldId="258"/>
            <ac:spMk id="5" creationId="{00000000-0000-0000-0000-000000000000}"/>
          </ac:spMkLst>
        </pc:spChg>
        <pc:picChg chg="add del mod">
          <ac:chgData name="Lasse Z. Jensen" userId="1018abd8-71a8-41c8-8b52-720555c644e8" providerId="ADAL" clId="{01BED3D5-5F1A-AD45-9100-3151BB6060AC}" dt="2023-04-20T12:41:18.769" v="12" actId="478"/>
          <ac:picMkLst>
            <pc:docMk/>
            <pc:sldMk cId="3535925220" sldId="258"/>
            <ac:picMk id="6" creationId="{C48343F7-98E9-9007-3B8E-BEC37EAA5AF7}"/>
          </ac:picMkLst>
        </pc:picChg>
        <pc:picChg chg="add mod">
          <ac:chgData name="Lasse Z. Jensen" userId="1018abd8-71a8-41c8-8b52-720555c644e8" providerId="ADAL" clId="{01BED3D5-5F1A-AD45-9100-3151BB6060AC}" dt="2023-04-20T12:41:37.242" v="14"/>
          <ac:picMkLst>
            <pc:docMk/>
            <pc:sldMk cId="3535925220" sldId="258"/>
            <ac:picMk id="7" creationId="{F09CC025-7068-5EAE-EF9B-1C7D6A3390F1}"/>
          </ac:picMkLst>
        </pc:picChg>
        <pc:picChg chg="add">
          <ac:chgData name="Lasse Z. Jensen" userId="1018abd8-71a8-41c8-8b52-720555c644e8" providerId="ADAL" clId="{01BED3D5-5F1A-AD45-9100-3151BB6060AC}" dt="2023-04-20T12:41:54.383" v="15"/>
          <ac:picMkLst>
            <pc:docMk/>
            <pc:sldMk cId="3535925220" sldId="258"/>
            <ac:picMk id="1026" creationId="{C8396EA9-85EF-91B7-627F-17C05BB7A456}"/>
          </ac:picMkLst>
        </pc:picChg>
      </pc:sldChg>
      <pc:sldChg chg="addSp modSp mod">
        <pc:chgData name="Lasse Z. Jensen" userId="1018abd8-71a8-41c8-8b52-720555c644e8" providerId="ADAL" clId="{01BED3D5-5F1A-AD45-9100-3151BB6060AC}" dt="2023-04-22T12:50:11.884" v="5824" actId="20577"/>
        <pc:sldMkLst>
          <pc:docMk/>
          <pc:sldMk cId="948320703" sldId="261"/>
        </pc:sldMkLst>
        <pc:spChg chg="add mod">
          <ac:chgData name="Lasse Z. Jensen" userId="1018abd8-71a8-41c8-8b52-720555c644e8" providerId="ADAL" clId="{01BED3D5-5F1A-AD45-9100-3151BB6060AC}" dt="2023-04-20T12:37:10.011" v="0"/>
          <ac:spMkLst>
            <pc:docMk/>
            <pc:sldMk cId="948320703" sldId="261"/>
            <ac:spMk id="3" creationId="{5D3C835D-5007-F72C-6FA4-A1FC616F513E}"/>
          </ac:spMkLst>
        </pc:spChg>
        <pc:spChg chg="add mod">
          <ac:chgData name="Lasse Z. Jensen" userId="1018abd8-71a8-41c8-8b52-720555c644e8" providerId="ADAL" clId="{01BED3D5-5F1A-AD45-9100-3151BB6060AC}" dt="2023-04-20T12:37:10.011" v="0"/>
          <ac:spMkLst>
            <pc:docMk/>
            <pc:sldMk cId="948320703" sldId="261"/>
            <ac:spMk id="5" creationId="{7203F82B-D409-46BD-5856-BF91DA2ABD32}"/>
          </ac:spMkLst>
        </pc:spChg>
        <pc:spChg chg="add mod">
          <ac:chgData name="Lasse Z. Jensen" userId="1018abd8-71a8-41c8-8b52-720555c644e8" providerId="ADAL" clId="{01BED3D5-5F1A-AD45-9100-3151BB6060AC}" dt="2023-04-21T08:29:06.349" v="1876" actId="2710"/>
          <ac:spMkLst>
            <pc:docMk/>
            <pc:sldMk cId="948320703" sldId="261"/>
            <ac:spMk id="6" creationId="{718C2E3B-28F9-9D77-14CA-C4B2ADDCA442}"/>
          </ac:spMkLst>
        </pc:spChg>
        <pc:spChg chg="add mod">
          <ac:chgData name="Lasse Z. Jensen" userId="1018abd8-71a8-41c8-8b52-720555c644e8" providerId="ADAL" clId="{01BED3D5-5F1A-AD45-9100-3151BB6060AC}" dt="2023-04-22T12:50:11.884" v="5824" actId="20577"/>
          <ac:spMkLst>
            <pc:docMk/>
            <pc:sldMk cId="948320703" sldId="261"/>
            <ac:spMk id="7" creationId="{D7A27CCE-A6F2-9E2B-034B-955EDD8B911A}"/>
          </ac:spMkLst>
        </pc:spChg>
        <pc:picChg chg="add mod">
          <ac:chgData name="Lasse Z. Jensen" userId="1018abd8-71a8-41c8-8b52-720555c644e8" providerId="ADAL" clId="{01BED3D5-5F1A-AD45-9100-3151BB6060AC}" dt="2023-04-21T08:29:07.317" v="1877" actId="1076"/>
          <ac:picMkLst>
            <pc:docMk/>
            <pc:sldMk cId="948320703" sldId="261"/>
            <ac:picMk id="4" creationId="{2F122488-D247-3E25-138E-65FB723C3B6F}"/>
          </ac:picMkLst>
        </pc:picChg>
      </pc:sldChg>
      <pc:sldChg chg="del">
        <pc:chgData name="Lasse Z. Jensen" userId="1018abd8-71a8-41c8-8b52-720555c644e8" providerId="ADAL" clId="{01BED3D5-5F1A-AD45-9100-3151BB6060AC}" dt="2023-04-20T12:39:04.357" v="8" actId="2696"/>
        <pc:sldMkLst>
          <pc:docMk/>
          <pc:sldMk cId="2813365767" sldId="262"/>
        </pc:sldMkLst>
      </pc:sldChg>
      <pc:sldChg chg="del">
        <pc:chgData name="Lasse Z. Jensen" userId="1018abd8-71a8-41c8-8b52-720555c644e8" providerId="ADAL" clId="{01BED3D5-5F1A-AD45-9100-3151BB6060AC}" dt="2023-04-20T12:54:20.102" v="31" actId="2696"/>
        <pc:sldMkLst>
          <pc:docMk/>
          <pc:sldMk cId="1186159921" sldId="264"/>
        </pc:sldMkLst>
      </pc:sldChg>
      <pc:sldChg chg="addSp delSp modSp new mod">
        <pc:chgData name="Lasse Z. Jensen" userId="1018abd8-71a8-41c8-8b52-720555c644e8" providerId="ADAL" clId="{01BED3D5-5F1A-AD45-9100-3151BB6060AC}" dt="2023-04-21T08:33:36.599" v="1891" actId="20577"/>
        <pc:sldMkLst>
          <pc:docMk/>
          <pc:sldMk cId="511776411" sldId="265"/>
        </pc:sldMkLst>
        <pc:spChg chg="mod">
          <ac:chgData name="Lasse Z. Jensen" userId="1018abd8-71a8-41c8-8b52-720555c644e8" providerId="ADAL" clId="{01BED3D5-5F1A-AD45-9100-3151BB6060AC}" dt="2023-04-20T12:58:03.637" v="84" actId="20577"/>
          <ac:spMkLst>
            <pc:docMk/>
            <pc:sldMk cId="511776411" sldId="265"/>
            <ac:spMk id="2" creationId="{0C20C48A-8016-EF16-A434-05B33196F91B}"/>
          </ac:spMkLst>
        </pc:spChg>
        <pc:spChg chg="mod">
          <ac:chgData name="Lasse Z. Jensen" userId="1018abd8-71a8-41c8-8b52-720555c644e8" providerId="ADAL" clId="{01BED3D5-5F1A-AD45-9100-3151BB6060AC}" dt="2023-04-21T08:33:36.599" v="1891" actId="20577"/>
          <ac:spMkLst>
            <pc:docMk/>
            <pc:sldMk cId="511776411" sldId="265"/>
            <ac:spMk id="3" creationId="{02636106-5943-A7B0-BF96-7E381C98B5CA}"/>
          </ac:spMkLst>
        </pc:spChg>
        <pc:spChg chg="add del mod">
          <ac:chgData name="Lasse Z. Jensen" userId="1018abd8-71a8-41c8-8b52-720555c644e8" providerId="ADAL" clId="{01BED3D5-5F1A-AD45-9100-3151BB6060AC}" dt="2023-04-20T12:52:35.116" v="19" actId="478"/>
          <ac:spMkLst>
            <pc:docMk/>
            <pc:sldMk cId="511776411" sldId="265"/>
            <ac:spMk id="5" creationId="{06570FE9-85C7-39D7-D18A-3D738AEEBDA1}"/>
          </ac:spMkLst>
        </pc:spChg>
        <pc:spChg chg="add del mod">
          <ac:chgData name="Lasse Z. Jensen" userId="1018abd8-71a8-41c8-8b52-720555c644e8" providerId="ADAL" clId="{01BED3D5-5F1A-AD45-9100-3151BB6060AC}" dt="2023-04-20T12:52:41.955" v="21" actId="478"/>
          <ac:spMkLst>
            <pc:docMk/>
            <pc:sldMk cId="511776411" sldId="265"/>
            <ac:spMk id="7" creationId="{13EE6F09-238A-009C-283E-F19C0AB9DAB3}"/>
          </ac:spMkLst>
        </pc:spChg>
        <pc:picChg chg="add mod">
          <ac:chgData name="Lasse Z. Jensen" userId="1018abd8-71a8-41c8-8b52-720555c644e8" providerId="ADAL" clId="{01BED3D5-5F1A-AD45-9100-3151BB6060AC}" dt="2023-04-20T13:07:39.549" v="135" actId="1076"/>
          <ac:picMkLst>
            <pc:docMk/>
            <pc:sldMk cId="511776411" sldId="265"/>
            <ac:picMk id="6" creationId="{E58F0C71-4861-DA91-E5E8-DB2A1A55A5E8}"/>
          </ac:picMkLst>
        </pc:picChg>
      </pc:sldChg>
      <pc:sldChg chg="addSp delSp modSp new mod">
        <pc:chgData name="Lasse Z. Jensen" userId="1018abd8-71a8-41c8-8b52-720555c644e8" providerId="ADAL" clId="{01BED3D5-5F1A-AD45-9100-3151BB6060AC}" dt="2023-04-21T07:22:26.510" v="793" actId="1076"/>
        <pc:sldMkLst>
          <pc:docMk/>
          <pc:sldMk cId="3409451944" sldId="266"/>
        </pc:sldMkLst>
        <pc:spChg chg="mod">
          <ac:chgData name="Lasse Z. Jensen" userId="1018abd8-71a8-41c8-8b52-720555c644e8" providerId="ADAL" clId="{01BED3D5-5F1A-AD45-9100-3151BB6060AC}" dt="2023-04-21T07:09:19.657" v="629" actId="14100"/>
          <ac:spMkLst>
            <pc:docMk/>
            <pc:sldMk cId="3409451944" sldId="266"/>
            <ac:spMk id="2" creationId="{12E84934-638C-C219-CBC8-E82AF18011CC}"/>
          </ac:spMkLst>
        </pc:spChg>
        <pc:spChg chg="del">
          <ac:chgData name="Lasse Z. Jensen" userId="1018abd8-71a8-41c8-8b52-720555c644e8" providerId="ADAL" clId="{01BED3D5-5F1A-AD45-9100-3151BB6060AC}" dt="2023-04-21T06:39:03.177" v="159" actId="931"/>
          <ac:spMkLst>
            <pc:docMk/>
            <pc:sldMk cId="3409451944" sldId="266"/>
            <ac:spMk id="3" creationId="{526EA6BB-239D-CFFE-1841-93B5B53E068A}"/>
          </ac:spMkLst>
        </pc:spChg>
        <pc:spChg chg="add del">
          <ac:chgData name="Lasse Z. Jensen" userId="1018abd8-71a8-41c8-8b52-720555c644e8" providerId="ADAL" clId="{01BED3D5-5F1A-AD45-9100-3151BB6060AC}" dt="2023-04-21T06:44:04.920" v="185" actId="478"/>
          <ac:spMkLst>
            <pc:docMk/>
            <pc:sldMk cId="3409451944" sldId="266"/>
            <ac:spMk id="11" creationId="{5ED78CC6-48D7-60C1-6268-E9E438E822BD}"/>
          </ac:spMkLst>
        </pc:spChg>
        <pc:spChg chg="add del">
          <ac:chgData name="Lasse Z. Jensen" userId="1018abd8-71a8-41c8-8b52-720555c644e8" providerId="ADAL" clId="{01BED3D5-5F1A-AD45-9100-3151BB6060AC}" dt="2023-04-21T06:45:54.613" v="273" actId="11529"/>
          <ac:spMkLst>
            <pc:docMk/>
            <pc:sldMk cId="3409451944" sldId="266"/>
            <ac:spMk id="12" creationId="{2832D9D9-85AA-88F3-495D-95D3D55FC9CE}"/>
          </ac:spMkLst>
        </pc:spChg>
        <pc:spChg chg="add del mod">
          <ac:chgData name="Lasse Z. Jensen" userId="1018abd8-71a8-41c8-8b52-720555c644e8" providerId="ADAL" clId="{01BED3D5-5F1A-AD45-9100-3151BB6060AC}" dt="2023-04-21T07:08:35.578" v="618"/>
          <ac:spMkLst>
            <pc:docMk/>
            <pc:sldMk cId="3409451944" sldId="266"/>
            <ac:spMk id="17" creationId="{D0128424-56C3-9C23-220A-DBA52EC74A20}"/>
          </ac:spMkLst>
        </pc:spChg>
        <pc:spChg chg="add del mod">
          <ac:chgData name="Lasse Z. Jensen" userId="1018abd8-71a8-41c8-8b52-720555c644e8" providerId="ADAL" clId="{01BED3D5-5F1A-AD45-9100-3151BB6060AC}" dt="2023-04-21T07:09:00.121" v="624" actId="478"/>
          <ac:spMkLst>
            <pc:docMk/>
            <pc:sldMk cId="3409451944" sldId="266"/>
            <ac:spMk id="24" creationId="{3F325933-C44B-3621-1E7A-2D55DDE2C801}"/>
          </ac:spMkLst>
        </pc:spChg>
        <pc:spChg chg="add mod">
          <ac:chgData name="Lasse Z. Jensen" userId="1018abd8-71a8-41c8-8b52-720555c644e8" providerId="ADAL" clId="{01BED3D5-5F1A-AD45-9100-3151BB6060AC}" dt="2023-04-21T07:08:45.400" v="622" actId="122"/>
          <ac:spMkLst>
            <pc:docMk/>
            <pc:sldMk cId="3409451944" sldId="266"/>
            <ac:spMk id="25" creationId="{C07775A5-761B-B8B6-2EDD-C43D40709AA5}"/>
          </ac:spMkLst>
        </pc:spChg>
        <pc:spChg chg="add mod">
          <ac:chgData name="Lasse Z. Jensen" userId="1018abd8-71a8-41c8-8b52-720555c644e8" providerId="ADAL" clId="{01BED3D5-5F1A-AD45-9100-3151BB6060AC}" dt="2023-04-21T07:09:34.211" v="642" actId="122"/>
          <ac:spMkLst>
            <pc:docMk/>
            <pc:sldMk cId="3409451944" sldId="266"/>
            <ac:spMk id="26" creationId="{5F21DDB9-667D-0A31-EF78-D93F40981A71}"/>
          </ac:spMkLst>
        </pc:spChg>
        <pc:spChg chg="add mod">
          <ac:chgData name="Lasse Z. Jensen" userId="1018abd8-71a8-41c8-8b52-720555c644e8" providerId="ADAL" clId="{01BED3D5-5F1A-AD45-9100-3151BB6060AC}" dt="2023-04-21T07:12:32.141" v="698" actId="1076"/>
          <ac:spMkLst>
            <pc:docMk/>
            <pc:sldMk cId="3409451944" sldId="266"/>
            <ac:spMk id="27" creationId="{4136869A-BF66-D853-9637-6719C966B4E7}"/>
          </ac:spMkLst>
        </pc:spChg>
        <pc:spChg chg="add mod">
          <ac:chgData name="Lasse Z. Jensen" userId="1018abd8-71a8-41c8-8b52-720555c644e8" providerId="ADAL" clId="{01BED3D5-5F1A-AD45-9100-3151BB6060AC}" dt="2023-04-21T07:07:30.388" v="598" actId="113"/>
          <ac:spMkLst>
            <pc:docMk/>
            <pc:sldMk cId="3409451944" sldId="266"/>
            <ac:spMk id="30" creationId="{C1FEB3E3-5E8E-6291-DE5C-8EE5F2BF3199}"/>
          </ac:spMkLst>
        </pc:spChg>
        <pc:spChg chg="add del">
          <ac:chgData name="Lasse Z. Jensen" userId="1018abd8-71a8-41c8-8b52-720555c644e8" providerId="ADAL" clId="{01BED3D5-5F1A-AD45-9100-3151BB6060AC}" dt="2023-04-21T07:16:29.784" v="720" actId="478"/>
          <ac:spMkLst>
            <pc:docMk/>
            <pc:sldMk cId="3409451944" sldId="266"/>
            <ac:spMk id="33" creationId="{0F087466-4138-D505-5B12-B39FA172A38B}"/>
          </ac:spMkLst>
        </pc:spChg>
        <pc:spChg chg="add del">
          <ac:chgData name="Lasse Z. Jensen" userId="1018abd8-71a8-41c8-8b52-720555c644e8" providerId="ADAL" clId="{01BED3D5-5F1A-AD45-9100-3151BB6060AC}" dt="2023-04-21T07:16:46.019" v="722" actId="478"/>
          <ac:spMkLst>
            <pc:docMk/>
            <pc:sldMk cId="3409451944" sldId="266"/>
            <ac:spMk id="34" creationId="{56DCA3CB-3771-8296-29B3-C1052C988786}"/>
          </ac:spMkLst>
        </pc:spChg>
        <pc:spChg chg="add mod">
          <ac:chgData name="Lasse Z. Jensen" userId="1018abd8-71a8-41c8-8b52-720555c644e8" providerId="ADAL" clId="{01BED3D5-5F1A-AD45-9100-3151BB6060AC}" dt="2023-04-21T07:22:26.510" v="793" actId="1076"/>
          <ac:spMkLst>
            <pc:docMk/>
            <pc:sldMk cId="3409451944" sldId="266"/>
            <ac:spMk id="39" creationId="{D83759EA-2C83-97B2-A2D9-4EC2695BE445}"/>
          </ac:spMkLst>
        </pc:spChg>
        <pc:picChg chg="add mod">
          <ac:chgData name="Lasse Z. Jensen" userId="1018abd8-71a8-41c8-8b52-720555c644e8" providerId="ADAL" clId="{01BED3D5-5F1A-AD45-9100-3151BB6060AC}" dt="2023-04-21T07:20:52.845" v="781" actId="1076"/>
          <ac:picMkLst>
            <pc:docMk/>
            <pc:sldMk cId="3409451944" sldId="266"/>
            <ac:picMk id="6" creationId="{82521229-D68B-248C-CEAA-BC129796C2D9}"/>
          </ac:picMkLst>
        </pc:picChg>
        <pc:picChg chg="add del mod">
          <ac:chgData name="Lasse Z. Jensen" userId="1018abd8-71a8-41c8-8b52-720555c644e8" providerId="ADAL" clId="{01BED3D5-5F1A-AD45-9100-3151BB6060AC}" dt="2023-04-21T06:39:59.180" v="167" actId="478"/>
          <ac:picMkLst>
            <pc:docMk/>
            <pc:sldMk cId="3409451944" sldId="266"/>
            <ac:picMk id="8" creationId="{60E0E385-1D78-F1A7-D9C3-C8A55DB9E296}"/>
          </ac:picMkLst>
        </pc:picChg>
        <pc:picChg chg="add del mod">
          <ac:chgData name="Lasse Z. Jensen" userId="1018abd8-71a8-41c8-8b52-720555c644e8" providerId="ADAL" clId="{01BED3D5-5F1A-AD45-9100-3151BB6060AC}" dt="2023-04-21T06:40:24.941" v="169" actId="478"/>
          <ac:picMkLst>
            <pc:docMk/>
            <pc:sldMk cId="3409451944" sldId="266"/>
            <ac:picMk id="10" creationId="{C35C88A7-3EFB-2C85-1D36-5C8753F72B5D}"/>
          </ac:picMkLst>
        </pc:picChg>
        <pc:picChg chg="add del mod">
          <ac:chgData name="Lasse Z. Jensen" userId="1018abd8-71a8-41c8-8b52-720555c644e8" providerId="ADAL" clId="{01BED3D5-5F1A-AD45-9100-3151BB6060AC}" dt="2023-04-21T06:46:48.474" v="277" actId="478"/>
          <ac:picMkLst>
            <pc:docMk/>
            <pc:sldMk cId="3409451944" sldId="266"/>
            <ac:picMk id="14" creationId="{1CEE4D93-5232-C8B7-938C-B1C8646B3144}"/>
          </ac:picMkLst>
        </pc:picChg>
        <pc:picChg chg="add del mod">
          <ac:chgData name="Lasse Z. Jensen" userId="1018abd8-71a8-41c8-8b52-720555c644e8" providerId="ADAL" clId="{01BED3D5-5F1A-AD45-9100-3151BB6060AC}" dt="2023-04-21T07:21:19.997" v="785" actId="1076"/>
          <ac:picMkLst>
            <pc:docMk/>
            <pc:sldMk cId="3409451944" sldId="266"/>
            <ac:picMk id="16" creationId="{BC9EC147-3041-7CAC-A76B-BE749A85BAD4}"/>
          </ac:picMkLst>
        </pc:picChg>
        <pc:picChg chg="add del mod">
          <ac:chgData name="Lasse Z. Jensen" userId="1018abd8-71a8-41c8-8b52-720555c644e8" providerId="ADAL" clId="{01BED3D5-5F1A-AD45-9100-3151BB6060AC}" dt="2023-04-21T07:15:53.081" v="716" actId="478"/>
          <ac:picMkLst>
            <pc:docMk/>
            <pc:sldMk cId="3409451944" sldId="266"/>
            <ac:picMk id="18" creationId="{8D697479-78DB-F7EB-8368-B0B463ACA445}"/>
          </ac:picMkLst>
        </pc:picChg>
        <pc:picChg chg="add del mod">
          <ac:chgData name="Lasse Z. Jensen" userId="1018abd8-71a8-41c8-8b52-720555c644e8" providerId="ADAL" clId="{01BED3D5-5F1A-AD45-9100-3151BB6060AC}" dt="2023-04-21T06:49:29.405" v="311" actId="478"/>
          <ac:picMkLst>
            <pc:docMk/>
            <pc:sldMk cId="3409451944" sldId="266"/>
            <ac:picMk id="20" creationId="{73AE11FF-C905-4DD5-8888-450B947561DD}"/>
          </ac:picMkLst>
        </pc:picChg>
        <pc:picChg chg="add mod">
          <ac:chgData name="Lasse Z. Jensen" userId="1018abd8-71a8-41c8-8b52-720555c644e8" providerId="ADAL" clId="{01BED3D5-5F1A-AD45-9100-3151BB6060AC}" dt="2023-04-21T07:09:22.611" v="630" actId="1076"/>
          <ac:picMkLst>
            <pc:docMk/>
            <pc:sldMk cId="3409451944" sldId="266"/>
            <ac:picMk id="22" creationId="{26C5016D-2F4E-BFA7-5CF5-C8737DB48B64}"/>
          </ac:picMkLst>
        </pc:picChg>
        <pc:picChg chg="add mod">
          <ac:chgData name="Lasse Z. Jensen" userId="1018abd8-71a8-41c8-8b52-720555c644e8" providerId="ADAL" clId="{01BED3D5-5F1A-AD45-9100-3151BB6060AC}" dt="2023-04-21T06:54:33.686" v="355" actId="1076"/>
          <ac:picMkLst>
            <pc:docMk/>
            <pc:sldMk cId="3409451944" sldId="266"/>
            <ac:picMk id="23" creationId="{0B72E8D2-3A74-C2D3-E139-F88C75FDAE7D}"/>
          </ac:picMkLst>
        </pc:picChg>
        <pc:picChg chg="add mod">
          <ac:chgData name="Lasse Z. Jensen" userId="1018abd8-71a8-41c8-8b52-720555c644e8" providerId="ADAL" clId="{01BED3D5-5F1A-AD45-9100-3151BB6060AC}" dt="2023-04-21T07:12:28.525" v="697" actId="1076"/>
          <ac:picMkLst>
            <pc:docMk/>
            <pc:sldMk cId="3409451944" sldId="266"/>
            <ac:picMk id="28" creationId="{0A8DB8CC-C505-0EA1-DC2C-5A5FD8061D5B}"/>
          </ac:picMkLst>
        </pc:picChg>
        <pc:picChg chg="add mod">
          <ac:chgData name="Lasse Z. Jensen" userId="1018abd8-71a8-41c8-8b52-720555c644e8" providerId="ADAL" clId="{01BED3D5-5F1A-AD45-9100-3151BB6060AC}" dt="2023-04-21T07:07:04.304" v="593" actId="14100"/>
          <ac:picMkLst>
            <pc:docMk/>
            <pc:sldMk cId="3409451944" sldId="266"/>
            <ac:picMk id="29" creationId="{B1E67988-55DE-9E86-7CFA-E2D24400285B}"/>
          </ac:picMkLst>
        </pc:picChg>
        <pc:picChg chg="add del mod">
          <ac:chgData name="Lasse Z. Jensen" userId="1018abd8-71a8-41c8-8b52-720555c644e8" providerId="ADAL" clId="{01BED3D5-5F1A-AD45-9100-3151BB6060AC}" dt="2023-04-21T07:19:32.355" v="760" actId="478"/>
          <ac:picMkLst>
            <pc:docMk/>
            <pc:sldMk cId="3409451944" sldId="266"/>
            <ac:picMk id="36" creationId="{E2889812-F58D-CC38-D6C1-2639B104642B}"/>
          </ac:picMkLst>
        </pc:picChg>
        <pc:picChg chg="add del mod">
          <ac:chgData name="Lasse Z. Jensen" userId="1018abd8-71a8-41c8-8b52-720555c644e8" providerId="ADAL" clId="{01BED3D5-5F1A-AD45-9100-3151BB6060AC}" dt="2023-04-21T07:19:18.849" v="753"/>
          <ac:picMkLst>
            <pc:docMk/>
            <pc:sldMk cId="3409451944" sldId="266"/>
            <ac:picMk id="37" creationId="{5969E465-22B3-513F-F27C-BB624F58250E}"/>
          </ac:picMkLst>
        </pc:picChg>
        <pc:picChg chg="add del mod">
          <ac:chgData name="Lasse Z. Jensen" userId="1018abd8-71a8-41c8-8b52-720555c644e8" providerId="ADAL" clId="{01BED3D5-5F1A-AD45-9100-3151BB6060AC}" dt="2023-04-21T07:19:02.464" v="743"/>
          <ac:picMkLst>
            <pc:docMk/>
            <pc:sldMk cId="3409451944" sldId="266"/>
            <ac:picMk id="38" creationId="{A5358F77-C6F8-236A-D279-940EE7772FB9}"/>
          </ac:picMkLst>
        </pc:picChg>
        <pc:picChg chg="add mod">
          <ac:chgData name="Lasse Z. Jensen" userId="1018abd8-71a8-41c8-8b52-720555c644e8" providerId="ADAL" clId="{01BED3D5-5F1A-AD45-9100-3151BB6060AC}" dt="2023-04-21T06:56:05.986" v="399" actId="732"/>
          <ac:picMkLst>
            <pc:docMk/>
            <pc:sldMk cId="3409451944" sldId="266"/>
            <ac:picMk id="2050" creationId="{B8F94404-C78C-A8E5-A9CB-38119A1E861B}"/>
          </ac:picMkLst>
        </pc:picChg>
        <pc:picChg chg="add mod">
          <ac:chgData name="Lasse Z. Jensen" userId="1018abd8-71a8-41c8-8b52-720555c644e8" providerId="ADAL" clId="{01BED3D5-5F1A-AD45-9100-3151BB6060AC}" dt="2023-04-21T07:11:46.055" v="693" actId="14861"/>
          <ac:picMkLst>
            <pc:docMk/>
            <pc:sldMk cId="3409451944" sldId="266"/>
            <ac:picMk id="2052" creationId="{F7E14AC6-7CDD-F1A0-57F9-D66C356E9556}"/>
          </ac:picMkLst>
        </pc:picChg>
        <pc:picChg chg="add mod">
          <ac:chgData name="Lasse Z. Jensen" userId="1018abd8-71a8-41c8-8b52-720555c644e8" providerId="ADAL" clId="{01BED3D5-5F1A-AD45-9100-3151BB6060AC}" dt="2023-04-21T07:20:20.399" v="771" actId="1076"/>
          <ac:picMkLst>
            <pc:docMk/>
            <pc:sldMk cId="3409451944" sldId="266"/>
            <ac:picMk id="2054" creationId="{087BDC1B-5956-7E41-86A5-C92F2B2CF763}"/>
          </ac:picMkLst>
        </pc:picChg>
        <pc:cxnChg chg="add del">
          <ac:chgData name="Lasse Z. Jensen" userId="1018abd8-71a8-41c8-8b52-720555c644e8" providerId="ADAL" clId="{01BED3D5-5F1A-AD45-9100-3151BB6060AC}" dt="2023-04-21T07:16:18.199" v="718" actId="478"/>
          <ac:cxnSpMkLst>
            <pc:docMk/>
            <pc:sldMk cId="3409451944" sldId="266"/>
            <ac:cxnSpMk id="32" creationId="{FC8E3BB0-8E1B-2A78-32CF-DDEEE66FC1D1}"/>
          </ac:cxnSpMkLst>
        </pc:cxnChg>
      </pc:sldChg>
      <pc:sldChg chg="addSp delSp modSp new mod">
        <pc:chgData name="Lasse Z. Jensen" userId="1018abd8-71a8-41c8-8b52-720555c644e8" providerId="ADAL" clId="{01BED3D5-5F1A-AD45-9100-3151BB6060AC}" dt="2023-04-21T08:33:31.460" v="1889" actId="20577"/>
        <pc:sldMkLst>
          <pc:docMk/>
          <pc:sldMk cId="2558468125" sldId="267"/>
        </pc:sldMkLst>
        <pc:spChg chg="mod">
          <ac:chgData name="Lasse Z. Jensen" userId="1018abd8-71a8-41c8-8b52-720555c644e8" providerId="ADAL" clId="{01BED3D5-5F1A-AD45-9100-3151BB6060AC}" dt="2023-04-21T07:36:06.570" v="881" actId="20577"/>
          <ac:spMkLst>
            <pc:docMk/>
            <pc:sldMk cId="2558468125" sldId="267"/>
            <ac:spMk id="2" creationId="{C2DC6D5B-3F0C-4CE2-98C5-C296150E2A0F}"/>
          </ac:spMkLst>
        </pc:spChg>
        <pc:spChg chg="del">
          <ac:chgData name="Lasse Z. Jensen" userId="1018abd8-71a8-41c8-8b52-720555c644e8" providerId="ADAL" clId="{01BED3D5-5F1A-AD45-9100-3151BB6060AC}" dt="2023-04-21T07:25:23.451" v="810" actId="931"/>
          <ac:spMkLst>
            <pc:docMk/>
            <pc:sldMk cId="2558468125" sldId="267"/>
            <ac:spMk id="3" creationId="{0F7C2E2F-5ED6-5A97-916F-0485A6B22732}"/>
          </ac:spMkLst>
        </pc:spChg>
        <pc:spChg chg="add del mod">
          <ac:chgData name="Lasse Z. Jensen" userId="1018abd8-71a8-41c8-8b52-720555c644e8" providerId="ADAL" clId="{01BED3D5-5F1A-AD45-9100-3151BB6060AC}" dt="2023-04-21T07:26:29.022" v="819" actId="931"/>
          <ac:spMkLst>
            <pc:docMk/>
            <pc:sldMk cId="2558468125" sldId="267"/>
            <ac:spMk id="8" creationId="{D4D56346-DCA8-631D-CC07-D0E916EC4B0A}"/>
          </ac:spMkLst>
        </pc:spChg>
        <pc:spChg chg="add mod">
          <ac:chgData name="Lasse Z. Jensen" userId="1018abd8-71a8-41c8-8b52-720555c644e8" providerId="ADAL" clId="{01BED3D5-5F1A-AD45-9100-3151BB6060AC}" dt="2023-04-21T07:37:17.029" v="900" actId="113"/>
          <ac:spMkLst>
            <pc:docMk/>
            <pc:sldMk cId="2558468125" sldId="267"/>
            <ac:spMk id="14" creationId="{36FD0CA8-92A5-D786-AEB6-86B97C6229CB}"/>
          </ac:spMkLst>
        </pc:spChg>
        <pc:spChg chg="add mod">
          <ac:chgData name="Lasse Z. Jensen" userId="1018abd8-71a8-41c8-8b52-720555c644e8" providerId="ADAL" clId="{01BED3D5-5F1A-AD45-9100-3151BB6060AC}" dt="2023-04-21T07:37:20.773" v="901" actId="113"/>
          <ac:spMkLst>
            <pc:docMk/>
            <pc:sldMk cId="2558468125" sldId="267"/>
            <ac:spMk id="15" creationId="{417ADC0B-5F07-4C22-C908-DE6FBC0162B0}"/>
          </ac:spMkLst>
        </pc:spChg>
        <pc:spChg chg="add del mod">
          <ac:chgData name="Lasse Z. Jensen" userId="1018abd8-71a8-41c8-8b52-720555c644e8" providerId="ADAL" clId="{01BED3D5-5F1A-AD45-9100-3151BB6060AC}" dt="2023-04-21T07:38:35.395" v="953" actId="478"/>
          <ac:spMkLst>
            <pc:docMk/>
            <pc:sldMk cId="2558468125" sldId="267"/>
            <ac:spMk id="17" creationId="{3641A5A0-078D-35B0-E4D1-CE81BE4CBA52}"/>
          </ac:spMkLst>
        </pc:spChg>
        <pc:spChg chg="add mod">
          <ac:chgData name="Lasse Z. Jensen" userId="1018abd8-71a8-41c8-8b52-720555c644e8" providerId="ADAL" clId="{01BED3D5-5F1A-AD45-9100-3151BB6060AC}" dt="2023-04-21T08:33:31.460" v="1889" actId="20577"/>
          <ac:spMkLst>
            <pc:docMk/>
            <pc:sldMk cId="2558468125" sldId="267"/>
            <ac:spMk id="18" creationId="{7663840A-1487-551B-213C-9A7A679313EB}"/>
          </ac:spMkLst>
        </pc:spChg>
        <pc:spChg chg="add del mod">
          <ac:chgData name="Lasse Z. Jensen" userId="1018abd8-71a8-41c8-8b52-720555c644e8" providerId="ADAL" clId="{01BED3D5-5F1A-AD45-9100-3151BB6060AC}" dt="2023-04-21T07:39:19.478" v="958" actId="478"/>
          <ac:spMkLst>
            <pc:docMk/>
            <pc:sldMk cId="2558468125" sldId="267"/>
            <ac:spMk id="21" creationId="{37108A66-C09C-AF8F-30FD-BA7804402B19}"/>
          </ac:spMkLst>
        </pc:spChg>
        <pc:spChg chg="add mod">
          <ac:chgData name="Lasse Z. Jensen" userId="1018abd8-71a8-41c8-8b52-720555c644e8" providerId="ADAL" clId="{01BED3D5-5F1A-AD45-9100-3151BB6060AC}" dt="2023-04-21T07:42:34.947" v="1030" actId="1076"/>
          <ac:spMkLst>
            <pc:docMk/>
            <pc:sldMk cId="2558468125" sldId="267"/>
            <ac:spMk id="26" creationId="{09D2906C-24C8-7911-1B6D-7F8F52280FE5}"/>
          </ac:spMkLst>
        </pc:spChg>
        <pc:spChg chg="add del mod">
          <ac:chgData name="Lasse Z. Jensen" userId="1018abd8-71a8-41c8-8b52-720555c644e8" providerId="ADAL" clId="{01BED3D5-5F1A-AD45-9100-3151BB6060AC}" dt="2023-04-21T07:44:12.336" v="1056"/>
          <ac:spMkLst>
            <pc:docMk/>
            <pc:sldMk cId="2558468125" sldId="267"/>
            <ac:spMk id="28" creationId="{2CFD39CB-8FD8-E691-A72D-ACF7AE5A8F6B}"/>
          </ac:spMkLst>
        </pc:spChg>
        <pc:spChg chg="add mod">
          <ac:chgData name="Lasse Z. Jensen" userId="1018abd8-71a8-41c8-8b52-720555c644e8" providerId="ADAL" clId="{01BED3D5-5F1A-AD45-9100-3151BB6060AC}" dt="2023-04-21T07:44:22.798" v="1058" actId="1076"/>
          <ac:spMkLst>
            <pc:docMk/>
            <pc:sldMk cId="2558468125" sldId="267"/>
            <ac:spMk id="29" creationId="{83F42763-3175-02CC-143B-4088EBCCE44F}"/>
          </ac:spMkLst>
        </pc:spChg>
        <pc:spChg chg="add mod">
          <ac:chgData name="Lasse Z. Jensen" userId="1018abd8-71a8-41c8-8b52-720555c644e8" providerId="ADAL" clId="{01BED3D5-5F1A-AD45-9100-3151BB6060AC}" dt="2023-04-21T07:45:08.147" v="1104" actId="1076"/>
          <ac:spMkLst>
            <pc:docMk/>
            <pc:sldMk cId="2558468125" sldId="267"/>
            <ac:spMk id="30" creationId="{CCB34F0A-6F3C-8A2C-5CE3-951262391D9A}"/>
          </ac:spMkLst>
        </pc:spChg>
        <pc:spChg chg="add del mod">
          <ac:chgData name="Lasse Z. Jensen" userId="1018abd8-71a8-41c8-8b52-720555c644e8" providerId="ADAL" clId="{01BED3D5-5F1A-AD45-9100-3151BB6060AC}" dt="2023-04-21T07:46:42.947" v="1137" actId="478"/>
          <ac:spMkLst>
            <pc:docMk/>
            <pc:sldMk cId="2558468125" sldId="267"/>
            <ac:spMk id="32" creationId="{97209997-0FC2-3291-5F14-5346D16803D4}"/>
          </ac:spMkLst>
        </pc:spChg>
        <pc:spChg chg="add del mod">
          <ac:chgData name="Lasse Z. Jensen" userId="1018abd8-71a8-41c8-8b52-720555c644e8" providerId="ADAL" clId="{01BED3D5-5F1A-AD45-9100-3151BB6060AC}" dt="2023-04-21T07:47:02.948" v="1146"/>
          <ac:spMkLst>
            <pc:docMk/>
            <pc:sldMk cId="2558468125" sldId="267"/>
            <ac:spMk id="33" creationId="{1B3089B3-A538-BD33-AB5D-EEB36B06A17D}"/>
          </ac:spMkLst>
        </pc:spChg>
        <pc:spChg chg="add del">
          <ac:chgData name="Lasse Z. Jensen" userId="1018abd8-71a8-41c8-8b52-720555c644e8" providerId="ADAL" clId="{01BED3D5-5F1A-AD45-9100-3151BB6060AC}" dt="2023-04-21T07:46:27.656" v="1130" actId="22"/>
          <ac:spMkLst>
            <pc:docMk/>
            <pc:sldMk cId="2558468125" sldId="267"/>
            <ac:spMk id="35" creationId="{BE29B2D3-B6D5-67C7-76A6-E7BA23055CF1}"/>
          </ac:spMkLst>
        </pc:spChg>
        <pc:spChg chg="add mod">
          <ac:chgData name="Lasse Z. Jensen" userId="1018abd8-71a8-41c8-8b52-720555c644e8" providerId="ADAL" clId="{01BED3D5-5F1A-AD45-9100-3151BB6060AC}" dt="2023-04-21T07:46:59.343" v="1144" actId="1076"/>
          <ac:spMkLst>
            <pc:docMk/>
            <pc:sldMk cId="2558468125" sldId="267"/>
            <ac:spMk id="36" creationId="{4FB6B28C-1B13-1083-08E6-CA7D54729546}"/>
          </ac:spMkLst>
        </pc:spChg>
        <pc:spChg chg="add mod">
          <ac:chgData name="Lasse Z. Jensen" userId="1018abd8-71a8-41c8-8b52-720555c644e8" providerId="ADAL" clId="{01BED3D5-5F1A-AD45-9100-3151BB6060AC}" dt="2023-04-21T07:46:56.668" v="1142" actId="571"/>
          <ac:spMkLst>
            <pc:docMk/>
            <pc:sldMk cId="2558468125" sldId="267"/>
            <ac:spMk id="37" creationId="{AE4856AE-840E-DA8B-DBD1-51EA858BF876}"/>
          </ac:spMkLst>
        </pc:spChg>
        <pc:spChg chg="add mod">
          <ac:chgData name="Lasse Z. Jensen" userId="1018abd8-71a8-41c8-8b52-720555c644e8" providerId="ADAL" clId="{01BED3D5-5F1A-AD45-9100-3151BB6060AC}" dt="2023-04-21T07:49:34.446" v="1309" actId="1076"/>
          <ac:spMkLst>
            <pc:docMk/>
            <pc:sldMk cId="2558468125" sldId="267"/>
            <ac:spMk id="38" creationId="{701F6002-9106-E2A3-0C00-72546BE4F927}"/>
          </ac:spMkLst>
        </pc:spChg>
        <pc:spChg chg="add mod">
          <ac:chgData name="Lasse Z. Jensen" userId="1018abd8-71a8-41c8-8b52-720555c644e8" providerId="ADAL" clId="{01BED3D5-5F1A-AD45-9100-3151BB6060AC}" dt="2023-04-21T07:49:18.839" v="1306" actId="1076"/>
          <ac:spMkLst>
            <pc:docMk/>
            <pc:sldMk cId="2558468125" sldId="267"/>
            <ac:spMk id="39" creationId="{657DC071-6EB5-EE3A-050E-6A7AAEF08575}"/>
          </ac:spMkLst>
        </pc:spChg>
        <pc:picChg chg="add del mod">
          <ac:chgData name="Lasse Z. Jensen" userId="1018abd8-71a8-41c8-8b52-720555c644e8" providerId="ADAL" clId="{01BED3D5-5F1A-AD45-9100-3151BB6060AC}" dt="2023-04-21T07:25:44.470" v="818" actId="478"/>
          <ac:picMkLst>
            <pc:docMk/>
            <pc:sldMk cId="2558468125" sldId="267"/>
            <ac:picMk id="6" creationId="{E506E71B-AC9E-855B-CB9D-AF0674AED318}"/>
          </ac:picMkLst>
        </pc:picChg>
        <pc:picChg chg="add del mod modCrop">
          <ac:chgData name="Lasse Z. Jensen" userId="1018abd8-71a8-41c8-8b52-720555c644e8" providerId="ADAL" clId="{01BED3D5-5F1A-AD45-9100-3151BB6060AC}" dt="2023-04-21T07:39:15.404" v="957" actId="478"/>
          <ac:picMkLst>
            <pc:docMk/>
            <pc:sldMk cId="2558468125" sldId="267"/>
            <ac:picMk id="10" creationId="{A6F66271-ED45-FEAD-4B6D-E3C9BD40F6E1}"/>
          </ac:picMkLst>
        </pc:picChg>
        <pc:cxnChg chg="add mod">
          <ac:chgData name="Lasse Z. Jensen" userId="1018abd8-71a8-41c8-8b52-720555c644e8" providerId="ADAL" clId="{01BED3D5-5F1A-AD45-9100-3151BB6060AC}" dt="2023-04-21T07:30:15.228" v="840" actId="692"/>
          <ac:cxnSpMkLst>
            <pc:docMk/>
            <pc:sldMk cId="2558468125" sldId="267"/>
            <ac:cxnSpMk id="12" creationId="{A412615E-BB4C-F876-23DC-56316DED4871}"/>
          </ac:cxnSpMkLst>
        </pc:cxnChg>
        <pc:cxnChg chg="add mod">
          <ac:chgData name="Lasse Z. Jensen" userId="1018abd8-71a8-41c8-8b52-720555c644e8" providerId="ADAL" clId="{01BED3D5-5F1A-AD45-9100-3151BB6060AC}" dt="2023-04-21T07:40:59.348" v="973" actId="1076"/>
          <ac:cxnSpMkLst>
            <pc:docMk/>
            <pc:sldMk cId="2558468125" sldId="267"/>
            <ac:cxnSpMk id="19" creationId="{2566DB7D-5C93-2B13-EA77-84D2B7F229A1}"/>
          </ac:cxnSpMkLst>
        </pc:cxnChg>
        <pc:cxnChg chg="add mod">
          <ac:chgData name="Lasse Z. Jensen" userId="1018abd8-71a8-41c8-8b52-720555c644e8" providerId="ADAL" clId="{01BED3D5-5F1A-AD45-9100-3151BB6060AC}" dt="2023-04-21T07:40:28.352" v="968" actId="14100"/>
          <ac:cxnSpMkLst>
            <pc:docMk/>
            <pc:sldMk cId="2558468125" sldId="267"/>
            <ac:cxnSpMk id="22" creationId="{02DF3BCF-9A76-9DD6-0F5D-7D3A7855D468}"/>
          </ac:cxnSpMkLst>
        </pc:cxnChg>
        <pc:cxnChg chg="add mod">
          <ac:chgData name="Lasse Z. Jensen" userId="1018abd8-71a8-41c8-8b52-720555c644e8" providerId="ADAL" clId="{01BED3D5-5F1A-AD45-9100-3151BB6060AC}" dt="2023-04-21T07:44:16.654" v="1057" actId="1076"/>
          <ac:cxnSpMkLst>
            <pc:docMk/>
            <pc:sldMk cId="2558468125" sldId="267"/>
            <ac:cxnSpMk id="27" creationId="{6CA71422-6671-E01D-FB33-A3E55F932D65}"/>
          </ac:cxnSpMkLst>
        </pc:cxnChg>
        <pc:cxnChg chg="add mod">
          <ac:chgData name="Lasse Z. Jensen" userId="1018abd8-71a8-41c8-8b52-720555c644e8" providerId="ADAL" clId="{01BED3D5-5F1A-AD45-9100-3151BB6060AC}" dt="2023-04-21T07:45:18.097" v="1106" actId="1076"/>
          <ac:cxnSpMkLst>
            <pc:docMk/>
            <pc:sldMk cId="2558468125" sldId="267"/>
            <ac:cxnSpMk id="31" creationId="{85C0114A-C268-ED55-DDC2-58C22DCDF063}"/>
          </ac:cxnSpMkLst>
        </pc:cxnChg>
      </pc:sldChg>
      <pc:sldChg chg="addSp delSp modSp new mod">
        <pc:chgData name="Lasse Z. Jensen" userId="1018abd8-71a8-41c8-8b52-720555c644e8" providerId="ADAL" clId="{01BED3D5-5F1A-AD45-9100-3151BB6060AC}" dt="2023-04-21T08:18:06.529" v="1861" actId="20577"/>
        <pc:sldMkLst>
          <pc:docMk/>
          <pc:sldMk cId="2801562170" sldId="268"/>
        </pc:sldMkLst>
        <pc:spChg chg="mod">
          <ac:chgData name="Lasse Z. Jensen" userId="1018abd8-71a8-41c8-8b52-720555c644e8" providerId="ADAL" clId="{01BED3D5-5F1A-AD45-9100-3151BB6060AC}" dt="2023-04-21T07:59:28.558" v="1371" actId="255"/>
          <ac:spMkLst>
            <pc:docMk/>
            <pc:sldMk cId="2801562170" sldId="268"/>
            <ac:spMk id="2" creationId="{320529A2-FA25-8DBC-1D22-7BF7A5A22B9A}"/>
          </ac:spMkLst>
        </pc:spChg>
        <pc:spChg chg="add del">
          <ac:chgData name="Lasse Z. Jensen" userId="1018abd8-71a8-41c8-8b52-720555c644e8" providerId="ADAL" clId="{01BED3D5-5F1A-AD45-9100-3151BB6060AC}" dt="2023-04-21T07:55:45.793" v="1322" actId="478"/>
          <ac:spMkLst>
            <pc:docMk/>
            <pc:sldMk cId="2801562170" sldId="268"/>
            <ac:spMk id="3" creationId="{90FE1B22-CA89-7413-9B0C-435A551F1432}"/>
          </ac:spMkLst>
        </pc:spChg>
        <pc:spChg chg="add del mod">
          <ac:chgData name="Lasse Z. Jensen" userId="1018abd8-71a8-41c8-8b52-720555c644e8" providerId="ADAL" clId="{01BED3D5-5F1A-AD45-9100-3151BB6060AC}" dt="2023-04-21T07:55:08" v="1316"/>
          <ac:spMkLst>
            <pc:docMk/>
            <pc:sldMk cId="2801562170" sldId="268"/>
            <ac:spMk id="5" creationId="{6011A52A-72EC-FE0C-0E44-A11DF9EFEB15}"/>
          </ac:spMkLst>
        </pc:spChg>
        <pc:spChg chg="add del mod">
          <ac:chgData name="Lasse Z. Jensen" userId="1018abd8-71a8-41c8-8b52-720555c644e8" providerId="ADAL" clId="{01BED3D5-5F1A-AD45-9100-3151BB6060AC}" dt="2023-04-21T07:55:08" v="1316"/>
          <ac:spMkLst>
            <pc:docMk/>
            <pc:sldMk cId="2801562170" sldId="268"/>
            <ac:spMk id="6" creationId="{5E744847-BFA2-A7B8-FECF-4C336570F082}"/>
          </ac:spMkLst>
        </pc:spChg>
        <pc:spChg chg="add del mod">
          <ac:chgData name="Lasse Z. Jensen" userId="1018abd8-71a8-41c8-8b52-720555c644e8" providerId="ADAL" clId="{01BED3D5-5F1A-AD45-9100-3151BB6060AC}" dt="2023-04-21T07:55:17.725" v="1320"/>
          <ac:spMkLst>
            <pc:docMk/>
            <pc:sldMk cId="2801562170" sldId="268"/>
            <ac:spMk id="9" creationId="{7A2E59E5-9377-FBCA-822A-001C4AD57C78}"/>
          </ac:spMkLst>
        </pc:spChg>
        <pc:spChg chg="add del mod">
          <ac:chgData name="Lasse Z. Jensen" userId="1018abd8-71a8-41c8-8b52-720555c644e8" providerId="ADAL" clId="{01BED3D5-5F1A-AD45-9100-3151BB6060AC}" dt="2023-04-21T07:55:17.725" v="1320"/>
          <ac:spMkLst>
            <pc:docMk/>
            <pc:sldMk cId="2801562170" sldId="268"/>
            <ac:spMk id="10" creationId="{511D2689-5203-630A-5F62-93E21B6CF386}"/>
          </ac:spMkLst>
        </pc:spChg>
        <pc:spChg chg="add mod">
          <ac:chgData name="Lasse Z. Jensen" userId="1018abd8-71a8-41c8-8b52-720555c644e8" providerId="ADAL" clId="{01BED3D5-5F1A-AD45-9100-3151BB6060AC}" dt="2023-04-21T08:18:06.529" v="1861" actId="20577"/>
          <ac:spMkLst>
            <pc:docMk/>
            <pc:sldMk cId="2801562170" sldId="268"/>
            <ac:spMk id="15" creationId="{A835E2D3-5B0A-4362-BEB2-1946475FCBFD}"/>
          </ac:spMkLst>
        </pc:spChg>
        <pc:picChg chg="add del mod">
          <ac:chgData name="Lasse Z. Jensen" userId="1018abd8-71a8-41c8-8b52-720555c644e8" providerId="ADAL" clId="{01BED3D5-5F1A-AD45-9100-3151BB6060AC}" dt="2023-04-21T07:55:08" v="1316"/>
          <ac:picMkLst>
            <pc:docMk/>
            <pc:sldMk cId="2801562170" sldId="268"/>
            <ac:picMk id="7" creationId="{2BAB5941-528A-E53F-BBD2-1FAD573576FA}"/>
          </ac:picMkLst>
        </pc:picChg>
        <pc:picChg chg="add del mod">
          <ac:chgData name="Lasse Z. Jensen" userId="1018abd8-71a8-41c8-8b52-720555c644e8" providerId="ADAL" clId="{01BED3D5-5F1A-AD45-9100-3151BB6060AC}" dt="2023-04-21T07:55:08" v="1316"/>
          <ac:picMkLst>
            <pc:docMk/>
            <pc:sldMk cId="2801562170" sldId="268"/>
            <ac:picMk id="8" creationId="{4EBCFDB0-D988-8DA6-9C09-C4B04857DB28}"/>
          </ac:picMkLst>
        </pc:picChg>
        <pc:picChg chg="add del mod">
          <ac:chgData name="Lasse Z. Jensen" userId="1018abd8-71a8-41c8-8b52-720555c644e8" providerId="ADAL" clId="{01BED3D5-5F1A-AD45-9100-3151BB6060AC}" dt="2023-04-21T07:55:17.725" v="1320"/>
          <ac:picMkLst>
            <pc:docMk/>
            <pc:sldMk cId="2801562170" sldId="268"/>
            <ac:picMk id="11" creationId="{527FC605-457C-4C1F-E572-98423D006FA8}"/>
          </ac:picMkLst>
        </pc:picChg>
        <pc:picChg chg="add del mod">
          <ac:chgData name="Lasse Z. Jensen" userId="1018abd8-71a8-41c8-8b52-720555c644e8" providerId="ADAL" clId="{01BED3D5-5F1A-AD45-9100-3151BB6060AC}" dt="2023-04-21T07:55:17.725" v="1320"/>
          <ac:picMkLst>
            <pc:docMk/>
            <pc:sldMk cId="2801562170" sldId="268"/>
            <ac:picMk id="12" creationId="{D8703441-6C02-FC77-84E3-5094E3624DB6}"/>
          </ac:picMkLst>
        </pc:picChg>
        <pc:picChg chg="add mod">
          <ac:chgData name="Lasse Z. Jensen" userId="1018abd8-71a8-41c8-8b52-720555c644e8" providerId="ADAL" clId="{01BED3D5-5F1A-AD45-9100-3151BB6060AC}" dt="2023-04-21T07:58:58.961" v="1327" actId="1076"/>
          <ac:picMkLst>
            <pc:docMk/>
            <pc:sldMk cId="2801562170" sldId="268"/>
            <ac:picMk id="13" creationId="{38D4649D-10B7-6E94-70F2-33209AA83844}"/>
          </ac:picMkLst>
        </pc:picChg>
        <pc:picChg chg="add mod modCrop">
          <ac:chgData name="Lasse Z. Jensen" userId="1018abd8-71a8-41c8-8b52-720555c644e8" providerId="ADAL" clId="{01BED3D5-5F1A-AD45-9100-3151BB6060AC}" dt="2023-04-21T07:58:58.961" v="1327" actId="1076"/>
          <ac:picMkLst>
            <pc:docMk/>
            <pc:sldMk cId="2801562170" sldId="268"/>
            <ac:picMk id="14" creationId="{1317552B-8048-CE51-CDE7-0092B3C42766}"/>
          </ac:picMkLst>
        </pc:picChg>
      </pc:sldChg>
      <pc:sldChg chg="addSp delSp modSp new mod">
        <pc:chgData name="Lasse Z. Jensen" userId="1018abd8-71a8-41c8-8b52-720555c644e8" providerId="ADAL" clId="{01BED3D5-5F1A-AD45-9100-3151BB6060AC}" dt="2023-04-21T09:01:23.717" v="2602" actId="1076"/>
        <pc:sldMkLst>
          <pc:docMk/>
          <pc:sldMk cId="1802496479" sldId="269"/>
        </pc:sldMkLst>
        <pc:spChg chg="mod">
          <ac:chgData name="Lasse Z. Jensen" userId="1018abd8-71a8-41c8-8b52-720555c644e8" providerId="ADAL" clId="{01BED3D5-5F1A-AD45-9100-3151BB6060AC}" dt="2023-04-21T08:33:26.217" v="1887" actId="20577"/>
          <ac:spMkLst>
            <pc:docMk/>
            <pc:sldMk cId="1802496479" sldId="269"/>
            <ac:spMk id="2" creationId="{C880FB74-42B8-AB74-E0EB-3385E8731AF6}"/>
          </ac:spMkLst>
        </pc:spChg>
        <pc:spChg chg="del">
          <ac:chgData name="Lasse Z. Jensen" userId="1018abd8-71a8-41c8-8b52-720555c644e8" providerId="ADAL" clId="{01BED3D5-5F1A-AD45-9100-3151BB6060AC}" dt="2023-04-21T08:35:08.298" v="1894" actId="478"/>
          <ac:spMkLst>
            <pc:docMk/>
            <pc:sldMk cId="1802496479" sldId="269"/>
            <ac:spMk id="3" creationId="{401632D9-E6DA-848B-FB23-15CC30021D30}"/>
          </ac:spMkLst>
        </pc:spChg>
        <pc:spChg chg="add mod">
          <ac:chgData name="Lasse Z. Jensen" userId="1018abd8-71a8-41c8-8b52-720555c644e8" providerId="ADAL" clId="{01BED3D5-5F1A-AD45-9100-3151BB6060AC}" dt="2023-04-21T08:46:30.060" v="2115" actId="1076"/>
          <ac:spMkLst>
            <pc:docMk/>
            <pc:sldMk cId="1802496479" sldId="269"/>
            <ac:spMk id="5" creationId="{CE858527-B046-96AE-4899-08718AB77005}"/>
          </ac:spMkLst>
        </pc:spChg>
        <pc:spChg chg="add del mod">
          <ac:chgData name="Lasse Z. Jensen" userId="1018abd8-71a8-41c8-8b52-720555c644e8" providerId="ADAL" clId="{01BED3D5-5F1A-AD45-9100-3151BB6060AC}" dt="2023-04-21T08:51:03.461" v="2273" actId="478"/>
          <ac:spMkLst>
            <pc:docMk/>
            <pc:sldMk cId="1802496479" sldId="269"/>
            <ac:spMk id="7" creationId="{FB85E7AA-D42E-34E4-F6F4-961FD9883B93}"/>
          </ac:spMkLst>
        </pc:spChg>
        <pc:spChg chg="add del mod">
          <ac:chgData name="Lasse Z. Jensen" userId="1018abd8-71a8-41c8-8b52-720555c644e8" providerId="ADAL" clId="{01BED3D5-5F1A-AD45-9100-3151BB6060AC}" dt="2023-04-21T08:41:03.698" v="1935"/>
          <ac:spMkLst>
            <pc:docMk/>
            <pc:sldMk cId="1802496479" sldId="269"/>
            <ac:spMk id="8" creationId="{BF4B24FA-D328-C4ED-C1FF-FD708CC1DD1D}"/>
          </ac:spMkLst>
        </pc:spChg>
        <pc:spChg chg="add del mod">
          <ac:chgData name="Lasse Z. Jensen" userId="1018abd8-71a8-41c8-8b52-720555c644e8" providerId="ADAL" clId="{01BED3D5-5F1A-AD45-9100-3151BB6060AC}" dt="2023-04-21T08:51:04.010" v="2275"/>
          <ac:spMkLst>
            <pc:docMk/>
            <pc:sldMk cId="1802496479" sldId="269"/>
            <ac:spMk id="9" creationId="{04F54100-36B7-4EA6-0C25-3DBC5D994BA0}"/>
          </ac:spMkLst>
        </pc:spChg>
        <pc:spChg chg="add mod">
          <ac:chgData name="Lasse Z. Jensen" userId="1018abd8-71a8-41c8-8b52-720555c644e8" providerId="ADAL" clId="{01BED3D5-5F1A-AD45-9100-3151BB6060AC}" dt="2023-04-21T08:54:25.073" v="2302" actId="1076"/>
          <ac:spMkLst>
            <pc:docMk/>
            <pc:sldMk cId="1802496479" sldId="269"/>
            <ac:spMk id="10" creationId="{19624EF3-703D-A790-B18D-B05D7B6DB2B9}"/>
          </ac:spMkLst>
        </pc:spChg>
        <pc:spChg chg="add mod">
          <ac:chgData name="Lasse Z. Jensen" userId="1018abd8-71a8-41c8-8b52-720555c644e8" providerId="ADAL" clId="{01BED3D5-5F1A-AD45-9100-3151BB6060AC}" dt="2023-04-21T08:47:09.409" v="2118" actId="113"/>
          <ac:spMkLst>
            <pc:docMk/>
            <pc:sldMk cId="1802496479" sldId="269"/>
            <ac:spMk id="11" creationId="{92879DF5-3FEB-4C02-1466-1451264E9CEE}"/>
          </ac:spMkLst>
        </pc:spChg>
        <pc:spChg chg="add mod">
          <ac:chgData name="Lasse Z. Jensen" userId="1018abd8-71a8-41c8-8b52-720555c644e8" providerId="ADAL" clId="{01BED3D5-5F1A-AD45-9100-3151BB6060AC}" dt="2023-04-21T08:48:25.682" v="2156" actId="1076"/>
          <ac:spMkLst>
            <pc:docMk/>
            <pc:sldMk cId="1802496479" sldId="269"/>
            <ac:spMk id="13" creationId="{4D0DDC4A-4E1C-D02A-ABB1-AF4270388272}"/>
          </ac:spMkLst>
        </pc:spChg>
        <pc:spChg chg="add mod">
          <ac:chgData name="Lasse Z. Jensen" userId="1018abd8-71a8-41c8-8b52-720555c644e8" providerId="ADAL" clId="{01BED3D5-5F1A-AD45-9100-3151BB6060AC}" dt="2023-04-21T09:01:23.717" v="2602" actId="1076"/>
          <ac:spMkLst>
            <pc:docMk/>
            <pc:sldMk cId="1802496479" sldId="269"/>
            <ac:spMk id="14" creationId="{03D6439E-756E-5F9E-9905-BC17FD52A64F}"/>
          </ac:spMkLst>
        </pc:spChg>
        <pc:picChg chg="add mod">
          <ac:chgData name="Lasse Z. Jensen" userId="1018abd8-71a8-41c8-8b52-720555c644e8" providerId="ADAL" clId="{01BED3D5-5F1A-AD45-9100-3151BB6060AC}" dt="2023-04-21T08:46:26.512" v="2114" actId="1076"/>
          <ac:picMkLst>
            <pc:docMk/>
            <pc:sldMk cId="1802496479" sldId="269"/>
            <ac:picMk id="6" creationId="{89A80FEE-F37D-6195-BBD0-B42F44CE688B}"/>
          </ac:picMkLst>
        </pc:picChg>
        <pc:picChg chg="add mod">
          <ac:chgData name="Lasse Z. Jensen" userId="1018abd8-71a8-41c8-8b52-720555c644e8" providerId="ADAL" clId="{01BED3D5-5F1A-AD45-9100-3151BB6060AC}" dt="2023-04-21T08:43:38.522" v="2003" actId="1076"/>
          <ac:picMkLst>
            <pc:docMk/>
            <pc:sldMk cId="1802496479" sldId="269"/>
            <ac:picMk id="12" creationId="{5C3375C8-A12C-3624-4C18-CE8D826A392B}"/>
          </ac:picMkLst>
        </pc:picChg>
      </pc:sldChg>
      <pc:sldChg chg="addSp delSp modSp new mod">
        <pc:chgData name="Lasse Z. Jensen" userId="1018abd8-71a8-41c8-8b52-720555c644e8" providerId="ADAL" clId="{01BED3D5-5F1A-AD45-9100-3151BB6060AC}" dt="2023-04-22T09:36:04.901" v="5770" actId="1076"/>
        <pc:sldMkLst>
          <pc:docMk/>
          <pc:sldMk cId="3741739966" sldId="270"/>
        </pc:sldMkLst>
        <pc:spChg chg="mod">
          <ac:chgData name="Lasse Z. Jensen" userId="1018abd8-71a8-41c8-8b52-720555c644e8" providerId="ADAL" clId="{01BED3D5-5F1A-AD45-9100-3151BB6060AC}" dt="2023-04-21T15:16:58.761" v="2736" actId="20577"/>
          <ac:spMkLst>
            <pc:docMk/>
            <pc:sldMk cId="3741739966" sldId="270"/>
            <ac:spMk id="2" creationId="{C9AAB047-F619-6E42-BDC7-398803221F0B}"/>
          </ac:spMkLst>
        </pc:spChg>
        <pc:spChg chg="del">
          <ac:chgData name="Lasse Z. Jensen" userId="1018abd8-71a8-41c8-8b52-720555c644e8" providerId="ADAL" clId="{01BED3D5-5F1A-AD45-9100-3151BB6060AC}" dt="2023-04-21T14:59:33.990" v="2604"/>
          <ac:spMkLst>
            <pc:docMk/>
            <pc:sldMk cId="3741739966" sldId="270"/>
            <ac:spMk id="3" creationId="{3D616D2E-7D37-FF5A-E4DA-9E8F227430AC}"/>
          </ac:spMkLst>
        </pc:spChg>
        <pc:spChg chg="add mod">
          <ac:chgData name="Lasse Z. Jensen" userId="1018abd8-71a8-41c8-8b52-720555c644e8" providerId="ADAL" clId="{01BED3D5-5F1A-AD45-9100-3151BB6060AC}" dt="2023-04-22T09:36:04.901" v="5770" actId="1076"/>
          <ac:spMkLst>
            <pc:docMk/>
            <pc:sldMk cId="3741739966" sldId="270"/>
            <ac:spMk id="9" creationId="{6657756A-669B-8FCC-BE9D-FC5E51CBDF76}"/>
          </ac:spMkLst>
        </pc:spChg>
        <pc:spChg chg="add del mod">
          <ac:chgData name="Lasse Z. Jensen" userId="1018abd8-71a8-41c8-8b52-720555c644e8" providerId="ADAL" clId="{01BED3D5-5F1A-AD45-9100-3151BB6060AC}" dt="2023-04-21T15:06:37.503" v="2649" actId="478"/>
          <ac:spMkLst>
            <pc:docMk/>
            <pc:sldMk cId="3741739966" sldId="270"/>
            <ac:spMk id="10" creationId="{586EEAB9-3F9D-86E3-D892-85AD1032213E}"/>
          </ac:spMkLst>
        </pc:spChg>
        <pc:spChg chg="add del mod">
          <ac:chgData name="Lasse Z. Jensen" userId="1018abd8-71a8-41c8-8b52-720555c644e8" providerId="ADAL" clId="{01BED3D5-5F1A-AD45-9100-3151BB6060AC}" dt="2023-04-21T15:06:49.843" v="2651"/>
          <ac:spMkLst>
            <pc:docMk/>
            <pc:sldMk cId="3741739966" sldId="270"/>
            <ac:spMk id="12" creationId="{D812F768-1412-3FDC-745B-F9622D476224}"/>
          </ac:spMkLst>
        </pc:spChg>
        <pc:spChg chg="add mod">
          <ac:chgData name="Lasse Z. Jensen" userId="1018abd8-71a8-41c8-8b52-720555c644e8" providerId="ADAL" clId="{01BED3D5-5F1A-AD45-9100-3151BB6060AC}" dt="2023-04-22T09:36:01.328" v="5769" actId="1076"/>
          <ac:spMkLst>
            <pc:docMk/>
            <pc:sldMk cId="3741739966" sldId="270"/>
            <ac:spMk id="15" creationId="{18199F42-EA1A-938D-BDAF-CB2D8E0DDF51}"/>
          </ac:spMkLst>
        </pc:spChg>
        <pc:spChg chg="add mod">
          <ac:chgData name="Lasse Z. Jensen" userId="1018abd8-71a8-41c8-8b52-720555c644e8" providerId="ADAL" clId="{01BED3D5-5F1A-AD45-9100-3151BB6060AC}" dt="2023-04-21T15:31:33.707" v="3185" actId="21"/>
          <ac:spMkLst>
            <pc:docMk/>
            <pc:sldMk cId="3741739966" sldId="270"/>
            <ac:spMk id="16" creationId="{7F808AF4-B1F7-BD28-03DE-E75FDCDCC6AA}"/>
          </ac:spMkLst>
        </pc:spChg>
        <pc:spChg chg="add mod">
          <ac:chgData name="Lasse Z. Jensen" userId="1018abd8-71a8-41c8-8b52-720555c644e8" providerId="ADAL" clId="{01BED3D5-5F1A-AD45-9100-3151BB6060AC}" dt="2023-04-21T15:31:52.914" v="3226" actId="1076"/>
          <ac:spMkLst>
            <pc:docMk/>
            <pc:sldMk cId="3741739966" sldId="270"/>
            <ac:spMk id="17" creationId="{C4C0F867-20D0-974B-E702-9D1331F1B57D}"/>
          </ac:spMkLst>
        </pc:spChg>
        <pc:picChg chg="add del mod modCrop">
          <ac:chgData name="Lasse Z. Jensen" userId="1018abd8-71a8-41c8-8b52-720555c644e8" providerId="ADAL" clId="{01BED3D5-5F1A-AD45-9100-3151BB6060AC}" dt="2023-04-21T15:06:38.537" v="2650" actId="478"/>
          <ac:picMkLst>
            <pc:docMk/>
            <pc:sldMk cId="3741739966" sldId="270"/>
            <ac:picMk id="6" creationId="{9EC66123-8F34-0DD9-67FA-B252E3F84C58}"/>
          </ac:picMkLst>
        </pc:picChg>
        <pc:picChg chg="add del mod modCrop">
          <ac:chgData name="Lasse Z. Jensen" userId="1018abd8-71a8-41c8-8b52-720555c644e8" providerId="ADAL" clId="{01BED3D5-5F1A-AD45-9100-3151BB6060AC}" dt="2023-04-21T15:06:35.315" v="2648" actId="478"/>
          <ac:picMkLst>
            <pc:docMk/>
            <pc:sldMk cId="3741739966" sldId="270"/>
            <ac:picMk id="8" creationId="{A5150546-FC30-12FF-B34F-5F3CB3352157}"/>
          </ac:picMkLst>
        </pc:picChg>
        <pc:picChg chg="add mod modCrop">
          <ac:chgData name="Lasse Z. Jensen" userId="1018abd8-71a8-41c8-8b52-720555c644e8" providerId="ADAL" clId="{01BED3D5-5F1A-AD45-9100-3151BB6060AC}" dt="2023-04-21T15:07:08.062" v="2654" actId="732"/>
          <ac:picMkLst>
            <pc:docMk/>
            <pc:sldMk cId="3741739966" sldId="270"/>
            <ac:picMk id="14" creationId="{50EC13C6-04A2-FABA-A03B-9EA20A92AE83}"/>
          </ac:picMkLst>
        </pc:picChg>
      </pc:sldChg>
      <pc:sldChg chg="addSp delSp modSp new mod">
        <pc:chgData name="Lasse Z. Jensen" userId="1018abd8-71a8-41c8-8b52-720555c644e8" providerId="ADAL" clId="{01BED3D5-5F1A-AD45-9100-3151BB6060AC}" dt="2023-04-21T15:47:16.111" v="3689" actId="113"/>
        <pc:sldMkLst>
          <pc:docMk/>
          <pc:sldMk cId="794172868" sldId="271"/>
        </pc:sldMkLst>
        <pc:spChg chg="mod">
          <ac:chgData name="Lasse Z. Jensen" userId="1018abd8-71a8-41c8-8b52-720555c644e8" providerId="ADAL" clId="{01BED3D5-5F1A-AD45-9100-3151BB6060AC}" dt="2023-04-21T15:34:52.151" v="3233" actId="255"/>
          <ac:spMkLst>
            <pc:docMk/>
            <pc:sldMk cId="794172868" sldId="271"/>
            <ac:spMk id="2" creationId="{35E9073F-75EE-C2E7-E6BC-F356DA34A072}"/>
          </ac:spMkLst>
        </pc:spChg>
        <pc:spChg chg="del">
          <ac:chgData name="Lasse Z. Jensen" userId="1018abd8-71a8-41c8-8b52-720555c644e8" providerId="ADAL" clId="{01BED3D5-5F1A-AD45-9100-3151BB6060AC}" dt="2023-04-21T15:34:11.526" v="3229" actId="478"/>
          <ac:spMkLst>
            <pc:docMk/>
            <pc:sldMk cId="794172868" sldId="271"/>
            <ac:spMk id="3" creationId="{F72248DC-1551-EDA7-DC70-7D04FED99244}"/>
          </ac:spMkLst>
        </pc:spChg>
        <pc:spChg chg="add mod">
          <ac:chgData name="Lasse Z. Jensen" userId="1018abd8-71a8-41c8-8b52-720555c644e8" providerId="ADAL" clId="{01BED3D5-5F1A-AD45-9100-3151BB6060AC}" dt="2023-04-21T15:40:39.413" v="3297" actId="1076"/>
          <ac:spMkLst>
            <pc:docMk/>
            <pc:sldMk cId="794172868" sldId="271"/>
            <ac:spMk id="6" creationId="{94056EB4-3685-5F94-1AD0-DF25CA71D5CC}"/>
          </ac:spMkLst>
        </pc:spChg>
        <pc:spChg chg="add mod">
          <ac:chgData name="Lasse Z. Jensen" userId="1018abd8-71a8-41c8-8b52-720555c644e8" providerId="ADAL" clId="{01BED3D5-5F1A-AD45-9100-3151BB6060AC}" dt="2023-04-21T15:40:39.413" v="3297" actId="1076"/>
          <ac:spMkLst>
            <pc:docMk/>
            <pc:sldMk cId="794172868" sldId="271"/>
            <ac:spMk id="7" creationId="{68CDBEB9-29DF-2FC5-4B2F-12606B71A159}"/>
          </ac:spMkLst>
        </pc:spChg>
        <pc:spChg chg="add mod">
          <ac:chgData name="Lasse Z. Jensen" userId="1018abd8-71a8-41c8-8b52-720555c644e8" providerId="ADAL" clId="{01BED3D5-5F1A-AD45-9100-3151BB6060AC}" dt="2023-04-21T15:40:39.413" v="3297" actId="1076"/>
          <ac:spMkLst>
            <pc:docMk/>
            <pc:sldMk cId="794172868" sldId="271"/>
            <ac:spMk id="11" creationId="{C52A6357-F441-C8FA-6405-E2B7617A8798}"/>
          </ac:spMkLst>
        </pc:spChg>
        <pc:spChg chg="add mod">
          <ac:chgData name="Lasse Z. Jensen" userId="1018abd8-71a8-41c8-8b52-720555c644e8" providerId="ADAL" clId="{01BED3D5-5F1A-AD45-9100-3151BB6060AC}" dt="2023-04-21T15:42:11.238" v="3327" actId="1076"/>
          <ac:spMkLst>
            <pc:docMk/>
            <pc:sldMk cId="794172868" sldId="271"/>
            <ac:spMk id="12" creationId="{15B9D9BD-C738-AA6F-4408-A752C103F7A1}"/>
          </ac:spMkLst>
        </pc:spChg>
        <pc:spChg chg="add mod">
          <ac:chgData name="Lasse Z. Jensen" userId="1018abd8-71a8-41c8-8b52-720555c644e8" providerId="ADAL" clId="{01BED3D5-5F1A-AD45-9100-3151BB6060AC}" dt="2023-04-21T15:47:16.111" v="3689" actId="113"/>
          <ac:spMkLst>
            <pc:docMk/>
            <pc:sldMk cId="794172868" sldId="271"/>
            <ac:spMk id="13" creationId="{7CAFA377-9D96-1FD7-41D8-B3B23059E869}"/>
          </ac:spMkLst>
        </pc:spChg>
        <pc:picChg chg="add mod modCrop">
          <ac:chgData name="Lasse Z. Jensen" userId="1018abd8-71a8-41c8-8b52-720555c644e8" providerId="ADAL" clId="{01BED3D5-5F1A-AD45-9100-3151BB6060AC}" dt="2023-04-21T15:40:39.413" v="3297" actId="1076"/>
          <ac:picMkLst>
            <pc:docMk/>
            <pc:sldMk cId="794172868" sldId="271"/>
            <ac:picMk id="5" creationId="{11A19652-6A5F-0297-C93E-CB3F1A61C34C}"/>
          </ac:picMkLst>
        </pc:picChg>
        <pc:picChg chg="add mod">
          <ac:chgData name="Lasse Z. Jensen" userId="1018abd8-71a8-41c8-8b52-720555c644e8" providerId="ADAL" clId="{01BED3D5-5F1A-AD45-9100-3151BB6060AC}" dt="2023-04-21T15:37:37.126" v="3259" actId="1076"/>
          <ac:picMkLst>
            <pc:docMk/>
            <pc:sldMk cId="794172868" sldId="271"/>
            <ac:picMk id="8" creationId="{D049329D-DEBE-252D-E9C3-F936F89DB58E}"/>
          </ac:picMkLst>
        </pc:picChg>
        <pc:picChg chg="add mod">
          <ac:chgData name="Lasse Z. Jensen" userId="1018abd8-71a8-41c8-8b52-720555c644e8" providerId="ADAL" clId="{01BED3D5-5F1A-AD45-9100-3151BB6060AC}" dt="2023-04-21T15:37:55.379" v="3263" actId="1076"/>
          <ac:picMkLst>
            <pc:docMk/>
            <pc:sldMk cId="794172868" sldId="271"/>
            <ac:picMk id="9" creationId="{DDF8E3F5-D29C-4598-E849-F287B7344FDF}"/>
          </ac:picMkLst>
        </pc:picChg>
        <pc:picChg chg="add mod modCrop">
          <ac:chgData name="Lasse Z. Jensen" userId="1018abd8-71a8-41c8-8b52-720555c644e8" providerId="ADAL" clId="{01BED3D5-5F1A-AD45-9100-3151BB6060AC}" dt="2023-04-21T15:40:52.058" v="3299" actId="1076"/>
          <ac:picMkLst>
            <pc:docMk/>
            <pc:sldMk cId="794172868" sldId="271"/>
            <ac:picMk id="10" creationId="{32C8B7EC-3313-9390-DE1F-E5E65FEC63AB}"/>
          </ac:picMkLst>
        </pc:picChg>
      </pc:sldChg>
      <pc:sldChg chg="addSp delSp modSp new mod setBg delAnim modAnim">
        <pc:chgData name="Lasse Z. Jensen" userId="1018abd8-71a8-41c8-8b52-720555c644e8" providerId="ADAL" clId="{01BED3D5-5F1A-AD45-9100-3151BB6060AC}" dt="2023-04-21T16:31:49.315" v="4448"/>
        <pc:sldMkLst>
          <pc:docMk/>
          <pc:sldMk cId="57134527" sldId="272"/>
        </pc:sldMkLst>
        <pc:spChg chg="mod">
          <ac:chgData name="Lasse Z. Jensen" userId="1018abd8-71a8-41c8-8b52-720555c644e8" providerId="ADAL" clId="{01BED3D5-5F1A-AD45-9100-3151BB6060AC}" dt="2023-04-21T16:09:21.146" v="3734" actId="20577"/>
          <ac:spMkLst>
            <pc:docMk/>
            <pc:sldMk cId="57134527" sldId="272"/>
            <ac:spMk id="2" creationId="{E422F258-9636-51BA-2723-219717C982A5}"/>
          </ac:spMkLst>
        </pc:spChg>
        <pc:spChg chg="del mod">
          <ac:chgData name="Lasse Z. Jensen" userId="1018abd8-71a8-41c8-8b52-720555c644e8" providerId="ADAL" clId="{01BED3D5-5F1A-AD45-9100-3151BB6060AC}" dt="2023-04-21T16:07:37.363" v="3692" actId="478"/>
          <ac:spMkLst>
            <pc:docMk/>
            <pc:sldMk cId="57134527" sldId="272"/>
            <ac:spMk id="3" creationId="{1A2808AF-763A-C201-C780-D42732A7C7E1}"/>
          </ac:spMkLst>
        </pc:spChg>
        <pc:spChg chg="add mod">
          <ac:chgData name="Lasse Z. Jensen" userId="1018abd8-71a8-41c8-8b52-720555c644e8" providerId="ADAL" clId="{01BED3D5-5F1A-AD45-9100-3151BB6060AC}" dt="2023-04-21T16:22:34.990" v="4433" actId="113"/>
          <ac:spMkLst>
            <pc:docMk/>
            <pc:sldMk cId="57134527" sldId="272"/>
            <ac:spMk id="9" creationId="{17EE15B8-CBDB-2BAA-0F26-12C66AED8F5C}"/>
          </ac:spMkLst>
        </pc:spChg>
        <pc:picChg chg="add del mod">
          <ac:chgData name="Lasse Z. Jensen" userId="1018abd8-71a8-41c8-8b52-720555c644e8" providerId="ADAL" clId="{01BED3D5-5F1A-AD45-9100-3151BB6060AC}" dt="2023-04-21T16:24:28.660" v="4434" actId="478"/>
          <ac:picMkLst>
            <pc:docMk/>
            <pc:sldMk cId="57134527" sldId="272"/>
            <ac:picMk id="6" creationId="{2EE85BAA-BA6D-3F64-F28F-91F345647B6F}"/>
          </ac:picMkLst>
        </pc:picChg>
        <pc:picChg chg="add del mod">
          <ac:chgData name="Lasse Z. Jensen" userId="1018abd8-71a8-41c8-8b52-720555c644e8" providerId="ADAL" clId="{01BED3D5-5F1A-AD45-9100-3151BB6060AC}" dt="2023-04-21T16:08:24.792" v="3698" actId="478"/>
          <ac:picMkLst>
            <pc:docMk/>
            <pc:sldMk cId="57134527" sldId="272"/>
            <ac:picMk id="7" creationId="{7EA07584-A874-07D1-5B00-945A95B128CE}"/>
          </ac:picMkLst>
        </pc:picChg>
        <pc:picChg chg="add mod">
          <ac:chgData name="Lasse Z. Jensen" userId="1018abd8-71a8-41c8-8b52-720555c644e8" providerId="ADAL" clId="{01BED3D5-5F1A-AD45-9100-3151BB6060AC}" dt="2023-04-21T16:09:11.624" v="3704" actId="1076"/>
          <ac:picMkLst>
            <pc:docMk/>
            <pc:sldMk cId="57134527" sldId="272"/>
            <ac:picMk id="8" creationId="{41B20EAC-3679-A5AE-1144-224F76085A0D}"/>
          </ac:picMkLst>
        </pc:picChg>
        <pc:picChg chg="add del mod">
          <ac:chgData name="Lasse Z. Jensen" userId="1018abd8-71a8-41c8-8b52-720555c644e8" providerId="ADAL" clId="{01BED3D5-5F1A-AD45-9100-3151BB6060AC}" dt="2023-04-21T16:24:34.718" v="4436" actId="478"/>
          <ac:picMkLst>
            <pc:docMk/>
            <pc:sldMk cId="57134527" sldId="272"/>
            <ac:picMk id="11" creationId="{897520AE-D214-0C53-7EF7-6836F6363457}"/>
          </ac:picMkLst>
        </pc:picChg>
        <pc:picChg chg="add del mod">
          <ac:chgData name="Lasse Z. Jensen" userId="1018abd8-71a8-41c8-8b52-720555c644e8" providerId="ADAL" clId="{01BED3D5-5F1A-AD45-9100-3151BB6060AC}" dt="2023-04-21T16:27:24.449" v="4438" actId="478"/>
          <ac:picMkLst>
            <pc:docMk/>
            <pc:sldMk cId="57134527" sldId="272"/>
            <ac:picMk id="13" creationId="{72C79DEE-95E5-BFD9-4502-B13040698FC7}"/>
          </ac:picMkLst>
        </pc:picChg>
        <pc:picChg chg="add mod">
          <ac:chgData name="Lasse Z. Jensen" userId="1018abd8-71a8-41c8-8b52-720555c644e8" providerId="ADAL" clId="{01BED3D5-5F1A-AD45-9100-3151BB6060AC}" dt="2023-04-21T16:31:26.846" v="4445" actId="207"/>
          <ac:picMkLst>
            <pc:docMk/>
            <pc:sldMk cId="57134527" sldId="272"/>
            <ac:picMk id="15" creationId="{0B7CFA4A-3A8F-A3EE-FF99-919DFABB12EB}"/>
          </ac:picMkLst>
        </pc:picChg>
      </pc:sldChg>
      <pc:sldChg chg="addSp delSp modSp new mod">
        <pc:chgData name="Lasse Z. Jensen" userId="1018abd8-71a8-41c8-8b52-720555c644e8" providerId="ADAL" clId="{01BED3D5-5F1A-AD45-9100-3151BB6060AC}" dt="2023-04-21T16:38:32.747" v="4724" actId="5793"/>
        <pc:sldMkLst>
          <pc:docMk/>
          <pc:sldMk cId="2093705789" sldId="273"/>
        </pc:sldMkLst>
        <pc:spChg chg="del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2" creationId="{3CDB69E4-6265-9B6D-A263-91D40B6BC057}"/>
          </ac:spMkLst>
        </pc:spChg>
        <pc:spChg chg="del">
          <ac:chgData name="Lasse Z. Jensen" userId="1018abd8-71a8-41c8-8b52-720555c644e8" providerId="ADAL" clId="{01BED3D5-5F1A-AD45-9100-3151BB6060AC}" dt="2023-04-21T16:32:58.930" v="4451" actId="478"/>
          <ac:spMkLst>
            <pc:docMk/>
            <pc:sldMk cId="2093705789" sldId="273"/>
            <ac:spMk id="3" creationId="{7F9F3405-D278-E287-B2B3-6CCB36C2BA7D}"/>
          </ac:spMkLst>
        </pc:spChg>
        <pc:spChg chg="del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4" creationId="{3AE57C8A-2B4E-EA00-AFAF-1FDAA6A760FE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6" creationId="{D9880338-FD33-C38C-878E-4F4984F78CF8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9" creationId="{C1629B67-2140-1B9A-FE96-E1A564C78F2E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10" creationId="{41F6A54C-6337-DC45-548A-D18D8C474B1F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11" creationId="{AECB2E69-2FAF-71E4-03D6-34968F0417E1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12" creationId="{5CB6630B-BD23-4531-7298-29B3D6F04734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13" creationId="{C6A200F5-FCA6-BF46-2116-C51F0A008303}"/>
          </ac:spMkLst>
        </pc:spChg>
        <pc:spChg chg="add del mod">
          <ac:chgData name="Lasse Z. Jensen" userId="1018abd8-71a8-41c8-8b52-720555c644e8" providerId="ADAL" clId="{01BED3D5-5F1A-AD45-9100-3151BB6060AC}" dt="2023-04-21T16:33:14.010" v="4452" actId="478"/>
          <ac:spMkLst>
            <pc:docMk/>
            <pc:sldMk cId="2093705789" sldId="273"/>
            <ac:spMk id="14" creationId="{00B6032A-BF40-0E2E-1AA0-ED2E7A5D9FE2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16" creationId="{97CCFA24-0F62-E259-44AF-CF1B1A1AF6CB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17" creationId="{23BE6135-867B-9A6F-9185-C89A22989594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0" creationId="{8D4AF73B-C3ED-8D08-7BE1-4B4064AD3C3E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1" creationId="{B1A46BD2-FF16-24BC-B510-DADE4EFE5B0E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2" creationId="{20045665-92E4-7905-11D0-22C2F9DE85E0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3" creationId="{F80F6416-B355-37D1-4DD2-12F693A87D92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4" creationId="{73D8E48E-EE0A-7914-5725-C014FD4572FF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5" creationId="{60BC7083-94F1-E11F-D8F7-A7079DC9D0ED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6" creationId="{D8255496-642B-A171-EC27-FFE6AB0BAF8D}"/>
          </ac:spMkLst>
        </pc:spChg>
        <pc:spChg chg="add del mod">
          <ac:chgData name="Lasse Z. Jensen" userId="1018abd8-71a8-41c8-8b52-720555c644e8" providerId="ADAL" clId="{01BED3D5-5F1A-AD45-9100-3151BB6060AC}" dt="2023-04-21T16:34:12.084" v="4454"/>
          <ac:spMkLst>
            <pc:docMk/>
            <pc:sldMk cId="2093705789" sldId="273"/>
            <ac:spMk id="27" creationId="{C4385135-6E4C-F05B-B718-3D96E71C6A9C}"/>
          </ac:spMkLst>
        </pc:spChg>
        <pc:spChg chg="add mod">
          <ac:chgData name="Lasse Z. Jensen" userId="1018abd8-71a8-41c8-8b52-720555c644e8" providerId="ADAL" clId="{01BED3D5-5F1A-AD45-9100-3151BB6060AC}" dt="2023-04-21T16:35:13.510" v="4478" actId="20577"/>
          <ac:spMkLst>
            <pc:docMk/>
            <pc:sldMk cId="2093705789" sldId="273"/>
            <ac:spMk id="30" creationId="{7E3E280E-5084-20AC-F58E-E2050760CCEE}"/>
          </ac:spMkLst>
        </pc:spChg>
        <pc:spChg chg="add mod">
          <ac:chgData name="Lasse Z. Jensen" userId="1018abd8-71a8-41c8-8b52-720555c644e8" providerId="ADAL" clId="{01BED3D5-5F1A-AD45-9100-3151BB6060AC}" dt="2023-04-21T16:38:32.747" v="4724" actId="5793"/>
          <ac:spMkLst>
            <pc:docMk/>
            <pc:sldMk cId="2093705789" sldId="273"/>
            <ac:spMk id="31" creationId="{1BDE1F84-AAA2-5AB7-9164-66CBD650EC5B}"/>
          </ac:spMkLst>
        </pc:spChg>
        <pc:picChg chg="add del mod">
          <ac:chgData name="Lasse Z. Jensen" userId="1018abd8-71a8-41c8-8b52-720555c644e8" providerId="ADAL" clId="{01BED3D5-5F1A-AD45-9100-3151BB6060AC}" dt="2023-04-21T16:33:14.010" v="4452" actId="478"/>
          <ac:picMkLst>
            <pc:docMk/>
            <pc:sldMk cId="2093705789" sldId="273"/>
            <ac:picMk id="5" creationId="{2E8F0E44-11BD-F98B-54C6-15A9308965F1}"/>
          </ac:picMkLst>
        </pc:picChg>
        <pc:picChg chg="add del mod">
          <ac:chgData name="Lasse Z. Jensen" userId="1018abd8-71a8-41c8-8b52-720555c644e8" providerId="ADAL" clId="{01BED3D5-5F1A-AD45-9100-3151BB6060AC}" dt="2023-04-21T16:34:12.084" v="4454"/>
          <ac:picMkLst>
            <pc:docMk/>
            <pc:sldMk cId="2093705789" sldId="273"/>
            <ac:picMk id="15" creationId="{A39BEF28-2A9A-63B0-649B-B0069D3143B7}"/>
          </ac:picMkLst>
        </pc:picChg>
        <pc:picChg chg="add mod">
          <ac:chgData name="Lasse Z. Jensen" userId="1018abd8-71a8-41c8-8b52-720555c644e8" providerId="ADAL" clId="{01BED3D5-5F1A-AD45-9100-3151BB6060AC}" dt="2023-04-21T16:34:56.943" v="4456" actId="1076"/>
          <ac:picMkLst>
            <pc:docMk/>
            <pc:sldMk cId="2093705789" sldId="273"/>
            <ac:picMk id="29" creationId="{4F92DFBD-EB8D-8878-9AA6-CE7551B99FCD}"/>
          </ac:picMkLst>
        </pc:picChg>
        <pc:cxnChg chg="add del mod">
          <ac:chgData name="Lasse Z. Jensen" userId="1018abd8-71a8-41c8-8b52-720555c644e8" providerId="ADAL" clId="{01BED3D5-5F1A-AD45-9100-3151BB6060AC}" dt="2023-04-21T16:33:14.010" v="4452" actId="478"/>
          <ac:cxnSpMkLst>
            <pc:docMk/>
            <pc:sldMk cId="2093705789" sldId="273"/>
            <ac:cxnSpMk id="7" creationId="{9FD390E7-3567-4304-A6B5-73843E927A5E}"/>
          </ac:cxnSpMkLst>
        </pc:cxnChg>
        <pc:cxnChg chg="add del mod">
          <ac:chgData name="Lasse Z. Jensen" userId="1018abd8-71a8-41c8-8b52-720555c644e8" providerId="ADAL" clId="{01BED3D5-5F1A-AD45-9100-3151BB6060AC}" dt="2023-04-21T16:33:14.010" v="4452" actId="478"/>
          <ac:cxnSpMkLst>
            <pc:docMk/>
            <pc:sldMk cId="2093705789" sldId="273"/>
            <ac:cxnSpMk id="8" creationId="{70369859-044B-99B4-361F-6950B5B61A7F}"/>
          </ac:cxnSpMkLst>
        </pc:cxnChg>
        <pc:cxnChg chg="add del mod">
          <ac:chgData name="Lasse Z. Jensen" userId="1018abd8-71a8-41c8-8b52-720555c644e8" providerId="ADAL" clId="{01BED3D5-5F1A-AD45-9100-3151BB6060AC}" dt="2023-04-21T16:34:12.084" v="4454"/>
          <ac:cxnSpMkLst>
            <pc:docMk/>
            <pc:sldMk cId="2093705789" sldId="273"/>
            <ac:cxnSpMk id="18" creationId="{6845DBB8-7171-B5AA-8865-33B178760282}"/>
          </ac:cxnSpMkLst>
        </pc:cxnChg>
        <pc:cxnChg chg="add del mod">
          <ac:chgData name="Lasse Z. Jensen" userId="1018abd8-71a8-41c8-8b52-720555c644e8" providerId="ADAL" clId="{01BED3D5-5F1A-AD45-9100-3151BB6060AC}" dt="2023-04-21T16:34:12.084" v="4454"/>
          <ac:cxnSpMkLst>
            <pc:docMk/>
            <pc:sldMk cId="2093705789" sldId="273"/>
            <ac:cxnSpMk id="19" creationId="{8CDD7514-959E-6552-5529-2793D461C90D}"/>
          </ac:cxnSpMkLst>
        </pc:cxnChg>
      </pc:sldChg>
      <pc:sldChg chg="addSp delSp modSp new mod">
        <pc:chgData name="Lasse Z. Jensen" userId="1018abd8-71a8-41c8-8b52-720555c644e8" providerId="ADAL" clId="{01BED3D5-5F1A-AD45-9100-3151BB6060AC}" dt="2023-04-21T16:48:43.483" v="4924" actId="1076"/>
        <pc:sldMkLst>
          <pc:docMk/>
          <pc:sldMk cId="397339074" sldId="274"/>
        </pc:sldMkLst>
        <pc:spChg chg="mod">
          <ac:chgData name="Lasse Z. Jensen" userId="1018abd8-71a8-41c8-8b52-720555c644e8" providerId="ADAL" clId="{01BED3D5-5F1A-AD45-9100-3151BB6060AC}" dt="2023-04-21T16:43:49.992" v="4785" actId="20577"/>
          <ac:spMkLst>
            <pc:docMk/>
            <pc:sldMk cId="397339074" sldId="274"/>
            <ac:spMk id="2" creationId="{29010C47-F601-A225-DC54-0AEA729C3C3C}"/>
          </ac:spMkLst>
        </pc:spChg>
        <pc:spChg chg="del">
          <ac:chgData name="Lasse Z. Jensen" userId="1018abd8-71a8-41c8-8b52-720555c644e8" providerId="ADAL" clId="{01BED3D5-5F1A-AD45-9100-3151BB6060AC}" dt="2023-04-21T16:41:26.936" v="4745" actId="478"/>
          <ac:spMkLst>
            <pc:docMk/>
            <pc:sldMk cId="397339074" sldId="274"/>
            <ac:spMk id="3" creationId="{0D9E807E-D4CF-49DF-0ECC-6A0C07C418B0}"/>
          </ac:spMkLst>
        </pc:spChg>
        <pc:spChg chg="add mod">
          <ac:chgData name="Lasse Z. Jensen" userId="1018abd8-71a8-41c8-8b52-720555c644e8" providerId="ADAL" clId="{01BED3D5-5F1A-AD45-9100-3151BB6060AC}" dt="2023-04-21T16:44:31.597" v="4791" actId="207"/>
          <ac:spMkLst>
            <pc:docMk/>
            <pc:sldMk cId="397339074" sldId="274"/>
            <ac:spMk id="8" creationId="{6DE75504-2811-D656-72C4-D64E29E4E918}"/>
          </ac:spMkLst>
        </pc:spChg>
        <pc:spChg chg="add mod">
          <ac:chgData name="Lasse Z. Jensen" userId="1018abd8-71a8-41c8-8b52-720555c644e8" providerId="ADAL" clId="{01BED3D5-5F1A-AD45-9100-3151BB6060AC}" dt="2023-04-21T16:45:05.406" v="4799" actId="2085"/>
          <ac:spMkLst>
            <pc:docMk/>
            <pc:sldMk cId="397339074" sldId="274"/>
            <ac:spMk id="9" creationId="{D3022C8C-D6C8-9765-2056-742FB6BA8F12}"/>
          </ac:spMkLst>
        </pc:spChg>
        <pc:spChg chg="add mod">
          <ac:chgData name="Lasse Z. Jensen" userId="1018abd8-71a8-41c8-8b52-720555c644e8" providerId="ADAL" clId="{01BED3D5-5F1A-AD45-9100-3151BB6060AC}" dt="2023-04-21T16:45:15.546" v="4803" actId="14100"/>
          <ac:spMkLst>
            <pc:docMk/>
            <pc:sldMk cId="397339074" sldId="274"/>
            <ac:spMk id="10" creationId="{A8533137-E2DB-C562-EB27-68392B6F076A}"/>
          </ac:spMkLst>
        </pc:spChg>
        <pc:spChg chg="add mod">
          <ac:chgData name="Lasse Z. Jensen" userId="1018abd8-71a8-41c8-8b52-720555c644e8" providerId="ADAL" clId="{01BED3D5-5F1A-AD45-9100-3151BB6060AC}" dt="2023-04-21T16:45:44.081" v="4810" actId="14100"/>
          <ac:spMkLst>
            <pc:docMk/>
            <pc:sldMk cId="397339074" sldId="274"/>
            <ac:spMk id="11" creationId="{8A05A67F-1CF3-7D10-0BB1-D0E0A684C8CE}"/>
          </ac:spMkLst>
        </pc:spChg>
        <pc:spChg chg="add mod">
          <ac:chgData name="Lasse Z. Jensen" userId="1018abd8-71a8-41c8-8b52-720555c644e8" providerId="ADAL" clId="{01BED3D5-5F1A-AD45-9100-3151BB6060AC}" dt="2023-04-21T16:46:04.052" v="4814" actId="1076"/>
          <ac:spMkLst>
            <pc:docMk/>
            <pc:sldMk cId="397339074" sldId="274"/>
            <ac:spMk id="12" creationId="{F5A375F1-BAE8-8FE8-AE62-C4F9166985C7}"/>
          </ac:spMkLst>
        </pc:spChg>
        <pc:spChg chg="add mod">
          <ac:chgData name="Lasse Z. Jensen" userId="1018abd8-71a8-41c8-8b52-720555c644e8" providerId="ADAL" clId="{01BED3D5-5F1A-AD45-9100-3151BB6060AC}" dt="2023-04-21T16:46:12.725" v="4818" actId="14100"/>
          <ac:spMkLst>
            <pc:docMk/>
            <pc:sldMk cId="397339074" sldId="274"/>
            <ac:spMk id="13" creationId="{807A187B-B92E-C612-3119-2EB04684B585}"/>
          </ac:spMkLst>
        </pc:spChg>
        <pc:spChg chg="add mod">
          <ac:chgData name="Lasse Z. Jensen" userId="1018abd8-71a8-41c8-8b52-720555c644e8" providerId="ADAL" clId="{01BED3D5-5F1A-AD45-9100-3151BB6060AC}" dt="2023-04-21T16:46:18.368" v="4821" actId="1076"/>
          <ac:spMkLst>
            <pc:docMk/>
            <pc:sldMk cId="397339074" sldId="274"/>
            <ac:spMk id="14" creationId="{01394AB3-AACC-7D23-17A0-3C6D9F594CE0}"/>
          </ac:spMkLst>
        </pc:spChg>
        <pc:spChg chg="add mod">
          <ac:chgData name="Lasse Z. Jensen" userId="1018abd8-71a8-41c8-8b52-720555c644e8" providerId="ADAL" clId="{01BED3D5-5F1A-AD45-9100-3151BB6060AC}" dt="2023-04-21T16:46:39.546" v="4828" actId="1076"/>
          <ac:spMkLst>
            <pc:docMk/>
            <pc:sldMk cId="397339074" sldId="274"/>
            <ac:spMk id="15" creationId="{3AD52216-7173-9A36-21DD-E2416B730F6B}"/>
          </ac:spMkLst>
        </pc:spChg>
        <pc:spChg chg="add mod">
          <ac:chgData name="Lasse Z. Jensen" userId="1018abd8-71a8-41c8-8b52-720555c644e8" providerId="ADAL" clId="{01BED3D5-5F1A-AD45-9100-3151BB6060AC}" dt="2023-04-21T16:48:36.028" v="4923" actId="113"/>
          <ac:spMkLst>
            <pc:docMk/>
            <pc:sldMk cId="397339074" sldId="274"/>
            <ac:spMk id="16" creationId="{3AEEE568-1652-4C6B-0084-70502A62222E}"/>
          </ac:spMkLst>
        </pc:spChg>
        <pc:spChg chg="add mod">
          <ac:chgData name="Lasse Z. Jensen" userId="1018abd8-71a8-41c8-8b52-720555c644e8" providerId="ADAL" clId="{01BED3D5-5F1A-AD45-9100-3151BB6060AC}" dt="2023-04-21T16:48:43.483" v="4924" actId="1076"/>
          <ac:spMkLst>
            <pc:docMk/>
            <pc:sldMk cId="397339074" sldId="274"/>
            <ac:spMk id="17" creationId="{BFCD8882-357A-44F1-877E-A30B6ADE7691}"/>
          </ac:spMkLst>
        </pc:spChg>
        <pc:picChg chg="add mod">
          <ac:chgData name="Lasse Z. Jensen" userId="1018abd8-71a8-41c8-8b52-720555c644e8" providerId="ADAL" clId="{01BED3D5-5F1A-AD45-9100-3151BB6060AC}" dt="2023-04-21T16:44:34.414" v="4793" actId="1076"/>
          <ac:picMkLst>
            <pc:docMk/>
            <pc:sldMk cId="397339074" sldId="274"/>
            <ac:picMk id="5" creationId="{FA2FA780-86D9-F655-0678-6CDD12780C28}"/>
          </ac:picMkLst>
        </pc:picChg>
        <pc:picChg chg="add mod">
          <ac:chgData name="Lasse Z. Jensen" userId="1018abd8-71a8-41c8-8b52-720555c644e8" providerId="ADAL" clId="{01BED3D5-5F1A-AD45-9100-3151BB6060AC}" dt="2023-04-21T16:43:30.312" v="4752" actId="1076"/>
          <ac:picMkLst>
            <pc:docMk/>
            <pc:sldMk cId="397339074" sldId="274"/>
            <ac:picMk id="7" creationId="{3CD10EE5-1524-313F-ED42-844FC64AAB0C}"/>
          </ac:picMkLst>
        </pc:picChg>
      </pc:sldChg>
      <pc:sldChg chg="addSp delSp modSp new mod modAnim">
        <pc:chgData name="Lasse Z. Jensen" userId="1018abd8-71a8-41c8-8b52-720555c644e8" providerId="ADAL" clId="{01BED3D5-5F1A-AD45-9100-3151BB6060AC}" dt="2023-04-21T17:25:45.691" v="5768" actId="113"/>
        <pc:sldMkLst>
          <pc:docMk/>
          <pc:sldMk cId="4294409315" sldId="275"/>
        </pc:sldMkLst>
        <pc:spChg chg="mod">
          <ac:chgData name="Lasse Z. Jensen" userId="1018abd8-71a8-41c8-8b52-720555c644e8" providerId="ADAL" clId="{01BED3D5-5F1A-AD45-9100-3151BB6060AC}" dt="2023-04-21T17:23:42.703" v="5624" actId="1076"/>
          <ac:spMkLst>
            <pc:docMk/>
            <pc:sldMk cId="4294409315" sldId="275"/>
            <ac:spMk id="2" creationId="{4804DAB5-56B7-0DF4-0367-FC2BA1BC1A79}"/>
          </ac:spMkLst>
        </pc:spChg>
        <pc:spChg chg="del">
          <ac:chgData name="Lasse Z. Jensen" userId="1018abd8-71a8-41c8-8b52-720555c644e8" providerId="ADAL" clId="{01BED3D5-5F1A-AD45-9100-3151BB6060AC}" dt="2023-04-21T16:53:25.552" v="4928" actId="478"/>
          <ac:spMkLst>
            <pc:docMk/>
            <pc:sldMk cId="4294409315" sldId="275"/>
            <ac:spMk id="3" creationId="{8344BA70-EC0F-2578-23EC-9A13FEC59C7D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6" creationId="{865681D4-04BE-44F2-8169-E3F6D529212D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7" creationId="{DE5FEBE2-B7B6-2CC0-2E39-1BC9E797748F}"/>
          </ac:spMkLst>
        </pc:spChg>
        <pc:spChg chg="add del mod">
          <ac:chgData name="Lasse Z. Jensen" userId="1018abd8-71a8-41c8-8b52-720555c644e8" providerId="ADAL" clId="{01BED3D5-5F1A-AD45-9100-3151BB6060AC}" dt="2023-04-21T17:01:39.065" v="5065"/>
          <ac:spMkLst>
            <pc:docMk/>
            <pc:sldMk cId="4294409315" sldId="275"/>
            <ac:spMk id="8" creationId="{EF56BF15-566E-A640-80D3-B66F496899D9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9" creationId="{23E36E55-4D5E-4ABB-7317-0BA22769BC3F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0" creationId="{FBC1749E-D95D-0297-0EF4-B9AF4F367708}"/>
          </ac:spMkLst>
        </pc:spChg>
        <pc:spChg chg="add del mod">
          <ac:chgData name="Lasse Z. Jensen" userId="1018abd8-71a8-41c8-8b52-720555c644e8" providerId="ADAL" clId="{01BED3D5-5F1A-AD45-9100-3151BB6060AC}" dt="2023-04-21T16:59:07.876" v="4952" actId="478"/>
          <ac:spMkLst>
            <pc:docMk/>
            <pc:sldMk cId="4294409315" sldId="275"/>
            <ac:spMk id="11" creationId="{7A157768-3256-1DAF-7FCC-0A6DA0E1B627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2" creationId="{613D559E-05B9-B9CA-6E77-F154C9A32404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3" creationId="{925F9923-6F0B-E0B0-06DA-BFA4FE49BDF6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4" creationId="{7D56DFC2-6D2A-1DF7-D906-D604C6C6EC03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5" creationId="{9D8A79DB-AABA-9DD4-4715-166CB3B3937D}"/>
          </ac:spMkLst>
        </pc:spChg>
        <pc:spChg chg="add del mod">
          <ac:chgData name="Lasse Z. Jensen" userId="1018abd8-71a8-41c8-8b52-720555c644e8" providerId="ADAL" clId="{01BED3D5-5F1A-AD45-9100-3151BB6060AC}" dt="2023-04-21T17:03:14.556" v="5079" actId="478"/>
          <ac:spMkLst>
            <pc:docMk/>
            <pc:sldMk cId="4294409315" sldId="275"/>
            <ac:spMk id="17" creationId="{8BE9EEB9-72CD-5467-25C6-E8ACAA5DEC5C}"/>
          </ac:spMkLst>
        </pc:spChg>
        <pc:spChg chg="add mod">
          <ac:chgData name="Lasse Z. Jensen" userId="1018abd8-71a8-41c8-8b52-720555c644e8" providerId="ADAL" clId="{01BED3D5-5F1A-AD45-9100-3151BB6060AC}" dt="2023-04-21T17:24:05.935" v="5627" actId="255"/>
          <ac:spMkLst>
            <pc:docMk/>
            <pc:sldMk cId="4294409315" sldId="275"/>
            <ac:spMk id="18" creationId="{FBC0B841-8CAC-E261-91B6-D8486E1DBCBF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19" creationId="{AD0948CD-2A80-57E0-E4C9-72789AD3C669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20" creationId="{E6878A8F-AD03-94C6-1A34-C67DD7F62274}"/>
          </ac:spMkLst>
        </pc:spChg>
        <pc:spChg chg="add mod">
          <ac:chgData name="Lasse Z. Jensen" userId="1018abd8-71a8-41c8-8b52-720555c644e8" providerId="ADAL" clId="{01BED3D5-5F1A-AD45-9100-3151BB6060AC}" dt="2023-04-21T17:24:12.444" v="5628" actId="255"/>
          <ac:spMkLst>
            <pc:docMk/>
            <pc:sldMk cId="4294409315" sldId="275"/>
            <ac:spMk id="21" creationId="{7E0BDA36-1FA7-1BCF-2B1F-0104AC3F75D6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22" creationId="{E9B3FA75-1FC0-A5C8-B1E4-E6C65CE35D36}"/>
          </ac:spMkLst>
        </pc:spChg>
        <pc:spChg chg="add mod">
          <ac:chgData name="Lasse Z. Jensen" userId="1018abd8-71a8-41c8-8b52-720555c644e8" providerId="ADAL" clId="{01BED3D5-5F1A-AD45-9100-3151BB6060AC}" dt="2023-04-21T17:23:58.107" v="5625" actId="1076"/>
          <ac:spMkLst>
            <pc:docMk/>
            <pc:sldMk cId="4294409315" sldId="275"/>
            <ac:spMk id="23" creationId="{25EE3091-D4E4-EC7F-FBA2-4D070AD5B81A}"/>
          </ac:spMkLst>
        </pc:spChg>
        <pc:spChg chg="add mod">
          <ac:chgData name="Lasse Z. Jensen" userId="1018abd8-71a8-41c8-8b52-720555c644e8" providerId="ADAL" clId="{01BED3D5-5F1A-AD45-9100-3151BB6060AC}" dt="2023-04-21T17:25:45.691" v="5768" actId="113"/>
          <ac:spMkLst>
            <pc:docMk/>
            <pc:sldMk cId="4294409315" sldId="275"/>
            <ac:spMk id="24" creationId="{19C7D957-A2DC-C00D-1F5F-99FA5894D8A3}"/>
          </ac:spMkLst>
        </pc:spChg>
        <pc:spChg chg="add del mod">
          <ac:chgData name="Lasse Z. Jensen" userId="1018abd8-71a8-41c8-8b52-720555c644e8" providerId="ADAL" clId="{01BED3D5-5F1A-AD45-9100-3151BB6060AC}" dt="2023-04-21T17:18:06.541" v="5322" actId="478"/>
          <ac:spMkLst>
            <pc:docMk/>
            <pc:sldMk cId="4294409315" sldId="275"/>
            <ac:spMk id="25" creationId="{A65A6570-F2F3-90C3-DB56-96513800DE36}"/>
          </ac:spMkLst>
        </pc:spChg>
        <pc:picChg chg="add mod modCrop">
          <ac:chgData name="Lasse Z. Jensen" userId="1018abd8-71a8-41c8-8b52-720555c644e8" providerId="ADAL" clId="{01BED3D5-5F1A-AD45-9100-3151BB6060AC}" dt="2023-04-21T17:23:58.107" v="5625" actId="1076"/>
          <ac:picMkLst>
            <pc:docMk/>
            <pc:sldMk cId="4294409315" sldId="275"/>
            <ac:picMk id="5" creationId="{894B769C-BB27-514C-AD2C-A6C000F99FD6}"/>
          </ac:picMkLst>
        </pc:picChg>
        <pc:picChg chg="add mod">
          <ac:chgData name="Lasse Z. Jensen" userId="1018abd8-71a8-41c8-8b52-720555c644e8" providerId="ADAL" clId="{01BED3D5-5F1A-AD45-9100-3151BB6060AC}" dt="2023-04-21T17:23:58.107" v="5625" actId="1076"/>
          <ac:picMkLst>
            <pc:docMk/>
            <pc:sldMk cId="4294409315" sldId="275"/>
            <ac:picMk id="3074" creationId="{B8B14380-5E8E-EF68-B577-54E44E29AD59}"/>
          </ac:picMkLst>
        </pc:picChg>
      </pc:sldChg>
      <pc:sldChg chg="new del">
        <pc:chgData name="Lasse Z. Jensen" userId="1018abd8-71a8-41c8-8b52-720555c644e8" providerId="ADAL" clId="{01BED3D5-5F1A-AD45-9100-3151BB6060AC}" dt="2023-04-22T09:38:04.224" v="5772" actId="2696"/>
        <pc:sldMkLst>
          <pc:docMk/>
          <pc:sldMk cId="2208866391" sldId="276"/>
        </pc:sldMkLst>
      </pc:sldChg>
      <pc:sldChg chg="addSp delSp modSp add mod modAnim">
        <pc:chgData name="Lasse Z. Jensen" userId="1018abd8-71a8-41c8-8b52-720555c644e8" providerId="ADAL" clId="{01BED3D5-5F1A-AD45-9100-3151BB6060AC}" dt="2023-04-22T09:38:52.885" v="5779" actId="478"/>
        <pc:sldMkLst>
          <pc:docMk/>
          <pc:sldMk cId="3847795508" sldId="276"/>
        </pc:sldMkLst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" creationId="{4804DAB5-56B7-0DF4-0367-FC2BA1BC1A79}"/>
          </ac:spMkLst>
        </pc:spChg>
        <pc:spChg chg="add del mod">
          <ac:chgData name="Lasse Z. Jensen" userId="1018abd8-71a8-41c8-8b52-720555c644e8" providerId="ADAL" clId="{01BED3D5-5F1A-AD45-9100-3151BB6060AC}" dt="2023-04-22T09:38:52.885" v="5779" actId="478"/>
          <ac:spMkLst>
            <pc:docMk/>
            <pc:sldMk cId="3847795508" sldId="276"/>
            <ac:spMk id="3" creationId="{9690A8B5-A559-11EB-75E1-BA197D4CCC64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4" creationId="{F6F067EB-75D0-D79D-4536-0794A315EF3B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6" creationId="{865681D4-04BE-44F2-8169-E3F6D529212D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7" creationId="{DE5FEBE2-B7B6-2CC0-2E39-1BC9E797748F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9" creationId="{23E36E55-4D5E-4ABB-7317-0BA22769BC3F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0" creationId="{FBC1749E-D95D-0297-0EF4-B9AF4F367708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2" creationId="{613D559E-05B9-B9CA-6E77-F154C9A32404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3" creationId="{925F9923-6F0B-E0B0-06DA-BFA4FE49BDF6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4" creationId="{7D56DFC2-6D2A-1DF7-D906-D604C6C6EC03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5" creationId="{9D8A79DB-AABA-9DD4-4715-166CB3B3937D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8" creationId="{FBC0B841-8CAC-E261-91B6-D8486E1DBCBF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19" creationId="{AD0948CD-2A80-57E0-E4C9-72789AD3C669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0" creationId="{E6878A8F-AD03-94C6-1A34-C67DD7F62274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1" creationId="{7E0BDA36-1FA7-1BCF-2B1F-0104AC3F75D6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2" creationId="{E9B3FA75-1FC0-A5C8-B1E4-E6C65CE35D36}"/>
          </ac:spMkLst>
        </pc:spChg>
        <pc:spChg chg="del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3" creationId="{25EE3091-D4E4-EC7F-FBA2-4D070AD5B81A}"/>
          </ac:spMkLst>
        </pc:spChg>
        <pc:spChg chg="del mod">
          <ac:chgData name="Lasse Z. Jensen" userId="1018abd8-71a8-41c8-8b52-720555c644e8" providerId="ADAL" clId="{01BED3D5-5F1A-AD45-9100-3151BB6060AC}" dt="2023-04-22T09:38:14.464" v="5775" actId="478"/>
          <ac:spMkLst>
            <pc:docMk/>
            <pc:sldMk cId="3847795508" sldId="276"/>
            <ac:spMk id="24" creationId="{19C7D957-A2DC-C00D-1F5F-99FA5894D8A3}"/>
          </ac:spMkLst>
        </pc:spChg>
        <pc:picChg chg="del">
          <ac:chgData name="Lasse Z. Jensen" userId="1018abd8-71a8-41c8-8b52-720555c644e8" providerId="ADAL" clId="{01BED3D5-5F1A-AD45-9100-3151BB6060AC}" dt="2023-04-22T09:38:14.464" v="5775" actId="478"/>
          <ac:picMkLst>
            <pc:docMk/>
            <pc:sldMk cId="3847795508" sldId="276"/>
            <ac:picMk id="5" creationId="{894B769C-BB27-514C-AD2C-A6C000F99FD6}"/>
          </ac:picMkLst>
        </pc:picChg>
        <pc:picChg chg="add mod">
          <ac:chgData name="Lasse Z. Jensen" userId="1018abd8-71a8-41c8-8b52-720555c644e8" providerId="ADAL" clId="{01BED3D5-5F1A-AD45-9100-3151BB6060AC}" dt="2023-04-22T09:38:49.813" v="5778"/>
          <ac:picMkLst>
            <pc:docMk/>
            <pc:sldMk cId="3847795508" sldId="276"/>
            <ac:picMk id="8" creationId="{13C53C23-D0E2-F6EF-A2C2-F64799970931}"/>
          </ac:picMkLst>
        </pc:picChg>
        <pc:picChg chg="del">
          <ac:chgData name="Lasse Z. Jensen" userId="1018abd8-71a8-41c8-8b52-720555c644e8" providerId="ADAL" clId="{01BED3D5-5F1A-AD45-9100-3151BB6060AC}" dt="2023-04-22T09:38:14.464" v="5775" actId="478"/>
          <ac:picMkLst>
            <pc:docMk/>
            <pc:sldMk cId="3847795508" sldId="276"/>
            <ac:picMk id="3074" creationId="{B8B14380-5E8E-EF68-B577-54E44E29AD59}"/>
          </ac:picMkLst>
        </pc:picChg>
      </pc:sldChg>
      <pc:sldChg chg="add del">
        <pc:chgData name="Lasse Z. Jensen" userId="1018abd8-71a8-41c8-8b52-720555c644e8" providerId="ADAL" clId="{01BED3D5-5F1A-AD45-9100-3151BB6060AC}" dt="2023-04-22T09:38:17.759" v="5777"/>
        <pc:sldMkLst>
          <pc:docMk/>
          <pc:sldMk cId="2075260826" sldId="277"/>
        </pc:sldMkLst>
      </pc:sldChg>
      <pc:sldChg chg="delSp add del setBg delDesignElem">
        <pc:chgData name="Lasse Z. Jensen" userId="1018abd8-71a8-41c8-8b52-720555c644e8" providerId="ADAL" clId="{01BED3D5-5F1A-AD45-9100-3151BB6060AC}" dt="2023-04-22T12:49:26.802" v="5805" actId="2696"/>
        <pc:sldMkLst>
          <pc:docMk/>
          <pc:sldMk cId="2731110575" sldId="277"/>
        </pc:sldMkLst>
        <pc:spChg chg="del">
          <ac:chgData name="Lasse Z. Jensen" userId="1018abd8-71a8-41c8-8b52-720555c644e8" providerId="ADAL" clId="{01BED3D5-5F1A-AD45-9100-3151BB6060AC}" dt="2023-04-22T09:39:45.733" v="5783"/>
          <ac:spMkLst>
            <pc:docMk/>
            <pc:sldMk cId="2731110575" sldId="277"/>
            <ac:spMk id="13" creationId="{022BDE4A-8A20-4A69-9C5A-581C82036A4D}"/>
          </ac:spMkLst>
        </pc:spChg>
      </pc:sldChg>
      <pc:sldChg chg="delSp modSp add del mod setBg delDesignElem">
        <pc:chgData name="Lasse Z. Jensen" userId="1018abd8-71a8-41c8-8b52-720555c644e8" providerId="ADAL" clId="{01BED3D5-5F1A-AD45-9100-3151BB6060AC}" dt="2023-04-22T12:49:26.850" v="5806" actId="2696"/>
        <pc:sldMkLst>
          <pc:docMk/>
          <pc:sldMk cId="2935348" sldId="278"/>
        </pc:sldMkLst>
        <pc:spChg chg="mod">
          <ac:chgData name="Lasse Z. Jensen" userId="1018abd8-71a8-41c8-8b52-720555c644e8" providerId="ADAL" clId="{01BED3D5-5F1A-AD45-9100-3151BB6060AC}" dt="2023-04-22T09:39:45.978" v="5784" actId="27636"/>
          <ac:spMkLst>
            <pc:docMk/>
            <pc:sldMk cId="2935348" sldId="278"/>
            <ac:spMk id="2" creationId="{4A9A633F-E268-5646-32C7-9F4DC4F57161}"/>
          </ac:spMkLst>
        </pc:spChg>
        <pc:spChg chg="del">
          <ac:chgData name="Lasse Z. Jensen" userId="1018abd8-71a8-41c8-8b52-720555c644e8" providerId="ADAL" clId="{01BED3D5-5F1A-AD45-9100-3151BB6060AC}" dt="2023-04-22T09:39:45.733" v="5783"/>
          <ac:spMkLst>
            <pc:docMk/>
            <pc:sldMk cId="2935348" sldId="278"/>
            <ac:spMk id="13" creationId="{70BDD0CE-06A4-404B-8A13-580229C1C923}"/>
          </ac:spMkLst>
        </pc:spChg>
        <pc:spChg chg="del">
          <ac:chgData name="Lasse Z. Jensen" userId="1018abd8-71a8-41c8-8b52-720555c644e8" providerId="ADAL" clId="{01BED3D5-5F1A-AD45-9100-3151BB6060AC}" dt="2023-04-22T09:39:45.733" v="5783"/>
          <ac:spMkLst>
            <pc:docMk/>
            <pc:sldMk cId="2935348" sldId="278"/>
            <ac:spMk id="15" creationId="{EE9899FA-8881-472C-AA59-D08A89CA8AEF}"/>
          </ac:spMkLst>
        </pc:spChg>
        <pc:spChg chg="del">
          <ac:chgData name="Lasse Z. Jensen" userId="1018abd8-71a8-41c8-8b52-720555c644e8" providerId="ADAL" clId="{01BED3D5-5F1A-AD45-9100-3151BB6060AC}" dt="2023-04-22T09:39:45.733" v="5783"/>
          <ac:spMkLst>
            <pc:docMk/>
            <pc:sldMk cId="2935348" sldId="278"/>
            <ac:spMk id="17" creationId="{080B7D90-3DF1-4514-B26D-616BE35553C9}"/>
          </ac:spMkLst>
        </pc:spChg>
      </pc:sldChg>
      <pc:sldChg chg="modSp add del mod">
        <pc:chgData name="Lasse Z. Jensen" userId="1018abd8-71a8-41c8-8b52-720555c644e8" providerId="ADAL" clId="{01BED3D5-5F1A-AD45-9100-3151BB6060AC}" dt="2023-04-22T12:49:26.913" v="5807" actId="2696"/>
        <pc:sldMkLst>
          <pc:docMk/>
          <pc:sldMk cId="1537974519" sldId="279"/>
        </pc:sldMkLst>
        <pc:spChg chg="mod">
          <ac:chgData name="Lasse Z. Jensen" userId="1018abd8-71a8-41c8-8b52-720555c644e8" providerId="ADAL" clId="{01BED3D5-5F1A-AD45-9100-3151BB6060AC}" dt="2023-04-22T09:40:43.441" v="5804" actId="20577"/>
          <ac:spMkLst>
            <pc:docMk/>
            <pc:sldMk cId="1537974519" sldId="279"/>
            <ac:spMk id="8" creationId="{D4E3B87C-9B76-B7F3-F2AF-A22B4D9C7989}"/>
          </ac:spMkLst>
        </pc:spChg>
      </pc:sldChg>
      <pc:sldChg chg="delSp add del setBg delDesignElem">
        <pc:chgData name="Lasse Z. Jensen" userId="1018abd8-71a8-41c8-8b52-720555c644e8" providerId="ADAL" clId="{01BED3D5-5F1A-AD45-9100-3151BB6060AC}" dt="2023-04-22T12:49:27.116" v="5808" actId="2696"/>
        <pc:sldMkLst>
          <pc:docMk/>
          <pc:sldMk cId="2105895346" sldId="280"/>
        </pc:sldMkLst>
        <pc:spChg chg="del">
          <ac:chgData name="Lasse Z. Jensen" userId="1018abd8-71a8-41c8-8b52-720555c644e8" providerId="ADAL" clId="{01BED3D5-5F1A-AD45-9100-3151BB6060AC}" dt="2023-04-22T09:39:45.733" v="5783"/>
          <ac:spMkLst>
            <pc:docMk/>
            <pc:sldMk cId="2105895346" sldId="280"/>
            <ac:spMk id="18" creationId="{99ED5833-B85B-4103-8A3B-CAB0308E6C15}"/>
          </ac:spMkLst>
        </pc:spChg>
      </pc:sldChg>
      <pc:sldChg chg="add del">
        <pc:chgData name="Lasse Z. Jensen" userId="1018abd8-71a8-41c8-8b52-720555c644e8" providerId="ADAL" clId="{01BED3D5-5F1A-AD45-9100-3151BB6060AC}" dt="2023-04-22T12:49:27.130" v="5809" actId="2696"/>
        <pc:sldMkLst>
          <pc:docMk/>
          <pc:sldMk cId="2551985960" sldId="281"/>
        </pc:sldMkLst>
      </pc:sldChg>
      <pc:sldChg chg="add del">
        <pc:chgData name="Lasse Z. Jensen" userId="1018abd8-71a8-41c8-8b52-720555c644e8" providerId="ADAL" clId="{01BED3D5-5F1A-AD45-9100-3151BB6060AC}" dt="2023-04-22T12:49:27.145" v="5810" actId="2696"/>
        <pc:sldMkLst>
          <pc:docMk/>
          <pc:sldMk cId="3334350762" sldId="282"/>
        </pc:sldMkLst>
      </pc:sldChg>
      <pc:sldMasterChg chg="delSldLayout">
        <pc:chgData name="Lasse Z. Jensen" userId="1018abd8-71a8-41c8-8b52-720555c644e8" providerId="ADAL" clId="{01BED3D5-5F1A-AD45-9100-3151BB6060AC}" dt="2023-04-22T12:49:27.153" v="5811" actId="2696"/>
        <pc:sldMasterMkLst>
          <pc:docMk/>
          <pc:sldMasterMk cId="0" sldId="2147483648"/>
        </pc:sldMasterMkLst>
        <pc:sldLayoutChg chg="del">
          <pc:chgData name="Lasse Z. Jensen" userId="1018abd8-71a8-41c8-8b52-720555c644e8" providerId="ADAL" clId="{01BED3D5-5F1A-AD45-9100-3151BB6060AC}" dt="2023-04-22T12:49:27.153" v="5811" actId="2696"/>
          <pc:sldLayoutMkLst>
            <pc:docMk/>
            <pc:sldMasterMk cId="0" sldId="2147483648"/>
            <pc:sldLayoutMk cId="3039537591" sldId="2147483679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223404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April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Fellow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orkshop on Bioaerosols and Ice Nucleation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asse Z. J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8122283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April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Fellow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orkshop on Bioaerosols and Ice Nucleation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asse Z. J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9363466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Fellow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Workshop on Bioaerosols and Ice Nucleation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Lasse Z. J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3422490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 dirty="0"/>
              <a:t>20/04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48951084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Workshop on Bioaerosols and Ice Nucleation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Lasse Z. J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 April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Fellow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04/2023</a:t>
            </a:fld>
            <a:r>
              <a:rPr lang="en-GB"/>
              <a:t>20/04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1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2.emf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emf"/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image" Target="../media/image36.emf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2.gif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image" Target="../media/image15.jpeg"/><Relationship Id="rId7" Type="http://schemas.openxmlformats.org/officeDocument/2006/relationships/image" Target="../media/image19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JPG"/><Relationship Id="rId5" Type="http://schemas.openxmlformats.org/officeDocument/2006/relationships/image" Target="../media/image17.svg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image" Target="../media/image21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en-GB" dirty="0"/>
          </a:p>
        </p:txBody>
      </p:sp>
      <p:sp useBgFill="1">
        <p:nvSpPr>
          <p:cNvPr id="3" name="Rectangle 8">
            <a:extLst>
              <a:ext uri="{FF2B5EF4-FFF2-40B4-BE49-F238E27FC236}">
                <a16:creationId xmlns:a16="http://schemas.microsoft.com/office/drawing/2014/main" id="{5D3C835D-5007-F72C-6FA4-A1FC616F513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4" descr="Aerial view of icebergs in Antarctica">
            <a:extLst>
              <a:ext uri="{FF2B5EF4-FFF2-40B4-BE49-F238E27FC236}">
                <a16:creationId xmlns:a16="http://schemas.microsoft.com/office/drawing/2014/main" id="{2F122488-D247-3E25-138E-65FB723C3B6F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13201" b="2213"/>
          <a:stretch/>
        </p:blipFill>
        <p:spPr>
          <a:xfrm>
            <a:off x="-3047" y="10"/>
            <a:ext cx="12191999" cy="6857990"/>
          </a:xfrm>
          <a:prstGeom prst="rect">
            <a:avLst/>
          </a:prstGeom>
        </p:spPr>
      </p:pic>
      <p:sp>
        <p:nvSpPr>
          <p:cNvPr id="5" name="Rectangle 10">
            <a:extLst>
              <a:ext uri="{FF2B5EF4-FFF2-40B4-BE49-F238E27FC236}">
                <a16:creationId xmlns:a16="http://schemas.microsoft.com/office/drawing/2014/main" id="{7203F82B-D409-46BD-5856-BF91DA2ABD3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2207602"/>
            <a:ext cx="12191999" cy="3162146"/>
          </a:xfrm>
          <a:prstGeom prst="rect">
            <a:avLst/>
          </a:prstGeom>
          <a:gradFill flip="none" rotWithShape="1">
            <a:gsLst>
              <a:gs pos="0">
                <a:srgbClr val="000000">
                  <a:alpha val="0"/>
                </a:srgbClr>
              </a:gs>
              <a:gs pos="25000">
                <a:srgbClr val="000000">
                  <a:alpha val="15000"/>
                </a:srgbClr>
              </a:gs>
              <a:gs pos="75000">
                <a:srgbClr val="000000">
                  <a:alpha val="15000"/>
                </a:srgbClr>
              </a:gs>
              <a:gs pos="50000">
                <a:srgbClr val="000000">
                  <a:alpha val="30000"/>
                </a:srgbClr>
              </a:gs>
              <a:gs pos="100000">
                <a:srgbClr val="000000">
                  <a:alpha val="0"/>
                </a:srgb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18C2E3B-28F9-9D77-14CA-C4B2ADDCA442}"/>
              </a:ext>
            </a:extLst>
          </p:cNvPr>
          <p:cNvSpPr txBox="1">
            <a:spLocks/>
          </p:cNvSpPr>
          <p:nvPr/>
        </p:nvSpPr>
        <p:spPr bwMode="auto">
          <a:xfrm>
            <a:off x="621804" y="1110452"/>
            <a:ext cx="10058400" cy="35747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rm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 algn="ctr">
              <a:spcBef>
                <a:spcPts val="1200"/>
              </a:spcBef>
              <a:buFontTx/>
            </a:pPr>
            <a:r>
              <a:rPr lang="en-DK" sz="4000" kern="0" dirty="0">
                <a:solidFill>
                  <a:srgbClr val="FFFFFF"/>
                </a:solidFill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The Partitioning Processes of </a:t>
            </a:r>
            <a:r>
              <a:rPr lang="en-US" sz="4000" kern="0" dirty="0">
                <a:solidFill>
                  <a:srgbClr val="FFFFFF"/>
                </a:solidFill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ea Ice Associated</a:t>
            </a:r>
            <a:r>
              <a:rPr lang="en-DK" sz="4000" kern="0" dirty="0">
                <a:solidFill>
                  <a:srgbClr val="FFFFFF"/>
                </a:solidFill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 Marine Ice Nucleation P</a:t>
            </a:r>
            <a:r>
              <a:rPr lang="en-US" sz="4000" kern="0" dirty="0">
                <a:solidFill>
                  <a:srgbClr val="FFFFFF"/>
                </a:solidFill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articles</a:t>
            </a:r>
            <a:r>
              <a:rPr lang="en-DK" sz="4000" kern="0" dirty="0">
                <a:solidFill>
                  <a:srgbClr val="FFFFFF"/>
                </a:solidFill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 Impacting the Arctic Clouds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D7A27CCE-A6F2-9E2B-034B-955EDD8B911A}"/>
              </a:ext>
            </a:extLst>
          </p:cNvPr>
          <p:cNvSpPr txBox="1">
            <a:spLocks/>
          </p:cNvSpPr>
          <p:nvPr/>
        </p:nvSpPr>
        <p:spPr>
          <a:xfrm>
            <a:off x="985838" y="5030852"/>
            <a:ext cx="10058400" cy="128270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Lasse Z. Jensen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,2,3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Eva R. </a:t>
            </a:r>
            <a:r>
              <a:rPr lang="en-DK" sz="1500" kern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jærgaard</a:t>
            </a:r>
            <a:r>
              <a:rPr lang="en-DK" sz="1500" kern="0" baseline="3000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6</a:t>
            </a:r>
            <a:r>
              <a:rPr lang="en-DK" sz="1500" kern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Luisa Ickes,  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aria E. Cifarelli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Rosella Di Pompeo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Martina D’Agostino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Jennie Spicker Schmidt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Corina Wieber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Jane T. Skønager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6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Dorte Søgaard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5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Bernadette Rosati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6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Merete Bilde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6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Lars C. Lund-Hansen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2,4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Kai Finster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DK" sz="1500" kern="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Tina Šantl-Temkiv</a:t>
            </a:r>
            <a:r>
              <a:rPr lang="en-DK" sz="1500" kern="0" baseline="30000" dirty="0">
                <a:solidFill>
                  <a:srgbClr val="FFFFFF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,2,3</a:t>
            </a:r>
          </a:p>
          <a:p>
            <a:pPr algn="ctr"/>
            <a:endParaRPr lang="en-DK" sz="1500" kern="0" baseline="30000" dirty="0">
              <a:solidFill>
                <a:srgbClr val="FFFFFF"/>
              </a:solidFill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algn="ctr"/>
            <a:endParaRPr lang="en-DK" sz="1500" kern="0" dirty="0">
              <a:solidFill>
                <a:srgbClr val="FFFFFF"/>
              </a:solidFill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22F258-9636-51BA-2723-219717C982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patial and temporal variati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4EF18E-B716-8A3A-2814-E46F1A9A3E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BCE2E2-EF95-7844-AC6E-A795F6A9F428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1B20EAC-3679-A5AE-1144-224F76085A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02582" y="1097445"/>
            <a:ext cx="5184576" cy="4663110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17EE15B8-CBDB-2BAA-0F26-12C66AED8F5C}"/>
                  </a:ext>
                </a:extLst>
              </p:cNvPr>
              <p:cNvSpPr txBox="1"/>
              <p:nvPr/>
            </p:nvSpPr>
            <p:spPr>
              <a:xfrm>
                <a:off x="621804" y="1844824"/>
                <a:ext cx="3883435" cy="421038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We found high concentrations of highly</a:t>
                </a:r>
              </a:p>
              <a:p>
                <a:pPr>
                  <a:lnSpc>
                    <a:spcPct val="95000"/>
                  </a:lnSpc>
                </a:pPr>
                <a:r>
                  <a:rPr lang="en-DK" sz="1600" dirty="0">
                    <a:latin typeface="+mn-lt"/>
                  </a:rPr>
                  <a:t>      active INPs in the sea ice compared to</a:t>
                </a:r>
              </a:p>
              <a:p>
                <a:pPr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      T</a:t>
                </a:r>
                <a:r>
                  <a:rPr lang="en-DK" sz="1600" dirty="0">
                    <a:latin typeface="+mn-lt"/>
                  </a:rPr>
                  <a:t>he seawater (</a:t>
                </a:r>
                <a14:m>
                  <m:oMath xmlns:m="http://schemas.openxmlformats.org/officeDocument/2006/math">
                    <m:r>
                      <a:rPr lang="en-DK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~</m:t>
                    </m:r>
                  </m:oMath>
                </a14:m>
                <a:r>
                  <a:rPr lang="en-DK" sz="1600" dirty="0">
                    <a:latin typeface="+mn-lt"/>
                  </a:rPr>
                  <a:t> 10</a:t>
                </a:r>
                <a:r>
                  <a:rPr lang="en-DK" sz="1600" baseline="30000" dirty="0">
                    <a:latin typeface="+mn-lt"/>
                  </a:rPr>
                  <a:t>3-</a:t>
                </a:r>
                <a:r>
                  <a:rPr lang="en-DK" sz="1600" dirty="0">
                    <a:latin typeface="+mn-lt"/>
                  </a:rPr>
                  <a:t>10</a:t>
                </a:r>
                <a:r>
                  <a:rPr lang="en-DK" sz="1600" baseline="30000" dirty="0">
                    <a:latin typeface="+mn-lt"/>
                  </a:rPr>
                  <a:t>4</a:t>
                </a:r>
                <a:r>
                  <a:rPr lang="en-DK" sz="1600" dirty="0">
                    <a:latin typeface="+mn-lt"/>
                  </a:rPr>
                  <a:t> INP</a:t>
                </a:r>
                <a:r>
                  <a:rPr lang="en-DK" sz="1600" baseline="-25000" dirty="0">
                    <a:latin typeface="+mn-lt"/>
                  </a:rPr>
                  <a:t>-10</a:t>
                </a:r>
                <a:r>
                  <a:rPr lang="en-DK" sz="1600" dirty="0">
                    <a:latin typeface="+mn-lt"/>
                  </a:rPr>
                  <a:t>)</a:t>
                </a: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No observation of a temporal variation</a:t>
                </a:r>
              </a:p>
              <a:p>
                <a:pPr marL="895243" lvl="1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No correlation with bloom?</a:t>
                </a:r>
              </a:p>
              <a:p>
                <a:pPr marL="895243" lvl="1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Ice was broken up in the harbour</a:t>
                </a: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Significantly more INPs situated in the</a:t>
                </a:r>
              </a:p>
              <a:p>
                <a:pPr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B</a:t>
                </a:r>
                <a:r>
                  <a:rPr lang="en-DK" sz="1600" dirty="0">
                    <a:latin typeface="+mn-lt"/>
                  </a:rPr>
                  <a:t>ottom 10 cm of the ice cores</a:t>
                </a: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Could the drop in the bottom be</a:t>
                </a:r>
              </a:p>
              <a:p>
                <a:pPr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     </a:t>
                </a:r>
                <a:r>
                  <a:rPr lang="en-DK" sz="1600" dirty="0">
                    <a:latin typeface="+mn-lt"/>
                  </a:rPr>
                  <a:t> explained by release of INPs to </a:t>
                </a:r>
              </a:p>
              <a:p>
                <a:pPr>
                  <a:lnSpc>
                    <a:spcPct val="95000"/>
                  </a:lnSpc>
                </a:pPr>
                <a:r>
                  <a:rPr lang="en-DK" sz="1600" dirty="0">
                    <a:latin typeface="+mn-lt"/>
                  </a:rPr>
                  <a:t>      the seawater?</a:t>
                </a: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b="1" dirty="0">
                    <a:latin typeface="+mn-lt"/>
                  </a:rPr>
                  <a:t>Could melting sea ice contribute to </a:t>
                </a:r>
              </a:p>
              <a:p>
                <a:pPr>
                  <a:lnSpc>
                    <a:spcPct val="95000"/>
                  </a:lnSpc>
                </a:pPr>
                <a:r>
                  <a:rPr lang="en-GB" sz="1600" b="1" dirty="0">
                    <a:latin typeface="+mn-lt"/>
                  </a:rPr>
                  <a:t>the a</a:t>
                </a:r>
                <a:r>
                  <a:rPr lang="en-DK" sz="1600" b="1" dirty="0">
                    <a:latin typeface="+mn-lt"/>
                  </a:rPr>
                  <a:t>tmospheric INP pool? </a:t>
                </a: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</p:txBody>
          </p:sp>
        </mc:Choice>
        <mc:Fallback>
          <p:sp>
            <p:nvSpPr>
              <p:cNvPr id="9" name="TextBox 8">
                <a:extLst>
                  <a:ext uri="{FF2B5EF4-FFF2-40B4-BE49-F238E27FC236}">
                    <a16:creationId xmlns:a16="http://schemas.microsoft.com/office/drawing/2014/main" id="{17EE15B8-CBDB-2BAA-0F26-12C66AED8F5C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21804" y="1844824"/>
                <a:ext cx="3883435" cy="4210383"/>
              </a:xfrm>
              <a:prstGeom prst="rect">
                <a:avLst/>
              </a:prstGeom>
              <a:blipFill>
                <a:blip r:embed="rId3"/>
                <a:stretch>
                  <a:fillRect l="-2932" t="-1807" r="-2280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5" name="Picture 14">
            <a:extLst>
              <a:ext uri="{FF2B5EF4-FFF2-40B4-BE49-F238E27FC236}">
                <a16:creationId xmlns:a16="http://schemas.microsoft.com/office/drawing/2014/main" id="{0B7CFA4A-3A8F-A3EE-FF99-919DFABB12E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08499" y="1128055"/>
            <a:ext cx="7142790" cy="4663111"/>
          </a:xfrm>
          <a:prstGeom prst="rect">
            <a:avLst/>
          </a:prstGeom>
          <a:solidFill>
            <a:schemeClr val="bg1"/>
          </a:solidFill>
          <a:ln>
            <a:solidFill>
              <a:schemeClr val="dk1">
                <a:shade val="95000"/>
                <a:satMod val="10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571345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Picture 28">
            <a:extLst>
              <a:ext uri="{FF2B5EF4-FFF2-40B4-BE49-F238E27FC236}">
                <a16:creationId xmlns:a16="http://schemas.microsoft.com/office/drawing/2014/main" id="{4F92DFBD-EB8D-8878-9AA6-CE7551B99FC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4172" y="1412776"/>
            <a:ext cx="7772400" cy="4340835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7E3E280E-5084-20AC-F58E-E2050760CC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/>
          <a:lstStyle/>
          <a:p>
            <a:r>
              <a:rPr lang="en-DK" dirty="0"/>
              <a:t>Sea spray experiments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1BDE1F84-AAA2-5AB7-9164-66CBD650EC5B}"/>
              </a:ext>
            </a:extLst>
          </p:cNvPr>
          <p:cNvSpPr txBox="1"/>
          <p:nvPr/>
        </p:nvSpPr>
        <p:spPr>
          <a:xfrm>
            <a:off x="736270" y="1923803"/>
            <a:ext cx="3061287" cy="28069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3 x 20 liters of melted sea ice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1 x water under the ice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1 x summer water heavely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     influenced by sea ice melt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Run the experiment for 8 hour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Measure INP concentration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9370578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010C47-F601-A225-DC54-0AEA729C3C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INPS are effeciently aerosoliz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8F3288-AEAA-2855-A897-256F1AE77B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900025-9D58-FF4D-BAB4-05C6043150F0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A2FA780-86D9-F655-0678-6CDD12780C2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93812" y="1253331"/>
            <a:ext cx="4837939" cy="4351338"/>
          </a:xfr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CD10EE5-1524-313F-ED42-844FC64AAB0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372" y="1370385"/>
            <a:ext cx="6247133" cy="4234284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DE75504-2811-D656-72C4-D64E29E4E918}"/>
              </a:ext>
            </a:extLst>
          </p:cNvPr>
          <p:cNvSpPr/>
          <p:nvPr/>
        </p:nvSpPr>
        <p:spPr bwMode="auto">
          <a:xfrm>
            <a:off x="1557908" y="1370385"/>
            <a:ext cx="1584176" cy="3786807"/>
          </a:xfrm>
          <a:prstGeom prst="rect">
            <a:avLst/>
          </a:prstGeom>
          <a:noFill/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3022C8C-D6C8-9765-2056-742FB6BA8F12}"/>
              </a:ext>
            </a:extLst>
          </p:cNvPr>
          <p:cNvSpPr/>
          <p:nvPr/>
        </p:nvSpPr>
        <p:spPr bwMode="auto">
          <a:xfrm>
            <a:off x="1557908" y="1370385"/>
            <a:ext cx="1656184" cy="357078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A8533137-E2DB-C562-EB27-68392B6F076A}"/>
              </a:ext>
            </a:extLst>
          </p:cNvPr>
          <p:cNvSpPr/>
          <p:nvPr/>
        </p:nvSpPr>
        <p:spPr bwMode="auto">
          <a:xfrm>
            <a:off x="1888645" y="4406718"/>
            <a:ext cx="1656184" cy="750474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A05A67F-1CF3-7D10-0BB1-D0E0A684C8CE}"/>
              </a:ext>
            </a:extLst>
          </p:cNvPr>
          <p:cNvSpPr/>
          <p:nvPr/>
        </p:nvSpPr>
        <p:spPr bwMode="auto">
          <a:xfrm>
            <a:off x="4991192" y="3140969"/>
            <a:ext cx="576563" cy="28803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5A375F1-BAE8-8FE8-AE62-C4F9166985C7}"/>
              </a:ext>
            </a:extLst>
          </p:cNvPr>
          <p:cNvSpPr/>
          <p:nvPr/>
        </p:nvSpPr>
        <p:spPr bwMode="auto">
          <a:xfrm>
            <a:off x="6588771" y="1466783"/>
            <a:ext cx="1512168" cy="334837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807A187B-B92E-C612-3119-2EB04684B585}"/>
              </a:ext>
            </a:extLst>
          </p:cNvPr>
          <p:cNvSpPr/>
          <p:nvPr/>
        </p:nvSpPr>
        <p:spPr bwMode="auto">
          <a:xfrm>
            <a:off x="7304980" y="2780928"/>
            <a:ext cx="1512168" cy="23042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1394AB3-AACC-7D23-17A0-3C6D9F594CE0}"/>
              </a:ext>
            </a:extLst>
          </p:cNvPr>
          <p:cNvSpPr/>
          <p:nvPr/>
        </p:nvSpPr>
        <p:spPr bwMode="auto">
          <a:xfrm>
            <a:off x="7990833" y="4864294"/>
            <a:ext cx="1512168" cy="29641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AD52216-7173-9A36-21DD-E2416B730F6B}"/>
              </a:ext>
            </a:extLst>
          </p:cNvPr>
          <p:cNvSpPr/>
          <p:nvPr/>
        </p:nvSpPr>
        <p:spPr bwMode="auto">
          <a:xfrm>
            <a:off x="11186385" y="3199572"/>
            <a:ext cx="952855" cy="28795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AEEE568-1652-4C6B-0084-70502A62222E}"/>
              </a:ext>
            </a:extLst>
          </p:cNvPr>
          <p:cNvSpPr txBox="1"/>
          <p:nvPr/>
        </p:nvSpPr>
        <p:spPr>
          <a:xfrm>
            <a:off x="1457605" y="1583853"/>
            <a:ext cx="1941237" cy="93564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ummer 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tation Nord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S</a:t>
            </a:r>
            <a:r>
              <a:rPr lang="en-DK" sz="1600" b="1" dirty="0">
                <a:latin typeface="+mn-lt"/>
              </a:rPr>
              <a:t>ea water </a:t>
            </a:r>
            <a:r>
              <a:rPr lang="en-DK" sz="1600" dirty="0">
                <a:latin typeface="+mn-lt"/>
              </a:rPr>
              <a:t>influenced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b</a:t>
            </a:r>
            <a:r>
              <a:rPr lang="en-DK" sz="1600" dirty="0">
                <a:latin typeface="+mn-lt"/>
              </a:rPr>
              <a:t>y sea ice melt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BFCD8882-357A-44F1-877E-A30B6ADE7691}"/>
              </a:ext>
            </a:extLst>
          </p:cNvPr>
          <p:cNvSpPr txBox="1"/>
          <p:nvPr/>
        </p:nvSpPr>
        <p:spPr>
          <a:xfrm>
            <a:off x="6431036" y="1923451"/>
            <a:ext cx="1464119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pring </a:t>
            </a:r>
          </a:p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Sea ice </a:t>
            </a:r>
            <a:r>
              <a:rPr lang="en-DK" sz="1600" dirty="0">
                <a:latin typeface="+mn-lt"/>
              </a:rPr>
              <a:t>Maaluto</a:t>
            </a:r>
          </a:p>
        </p:txBody>
      </p:sp>
    </p:spTree>
    <p:extLst>
      <p:ext uri="{BB962C8B-B14F-4D97-AF65-F5344CB8AC3E}">
        <p14:creationId xmlns:p14="http://schemas.microsoft.com/office/powerpoint/2010/main" val="39733907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04DAB5-56B7-0DF4-0367-FC2BA1BC1A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sz="2500" dirty="0"/>
              <a:t>Sea ice associated INPs could have an atmospheric impac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F067EB-75D0-D79D-4536-0794A315EF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12720B-11FD-F644-818B-918532F414B3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5" name="Content Placeholder 5">
            <a:extLst>
              <a:ext uri="{FF2B5EF4-FFF2-40B4-BE49-F238E27FC236}">
                <a16:creationId xmlns:a16="http://schemas.microsoft.com/office/drawing/2014/main" id="{894B769C-BB27-514C-AD2C-A6C000F99FD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0456"/>
          <a:stretch/>
        </p:blipFill>
        <p:spPr bwMode="auto">
          <a:xfrm>
            <a:off x="5715173" y="908720"/>
            <a:ext cx="5694184" cy="536134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865681D4-04BE-44F2-8169-E3F6D529212D}"/>
              </a:ext>
            </a:extLst>
          </p:cNvPr>
          <p:cNvSpPr/>
          <p:nvPr/>
        </p:nvSpPr>
        <p:spPr>
          <a:xfrm>
            <a:off x="7952972" y="2239028"/>
            <a:ext cx="140058" cy="144016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DE5FEBE2-B7B6-2CC0-2E39-1BC9E797748F}"/>
              </a:ext>
            </a:extLst>
          </p:cNvPr>
          <p:cNvSpPr/>
          <p:nvPr/>
        </p:nvSpPr>
        <p:spPr>
          <a:xfrm>
            <a:off x="7224323" y="1752589"/>
            <a:ext cx="48445" cy="54501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23E36E55-4D5E-4ABB-7317-0BA22769BC3F}"/>
              </a:ext>
            </a:extLst>
          </p:cNvPr>
          <p:cNvSpPr/>
          <p:nvPr/>
        </p:nvSpPr>
        <p:spPr>
          <a:xfrm>
            <a:off x="8004715" y="1715079"/>
            <a:ext cx="48445" cy="54501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FBC1749E-D95D-0297-0EF4-B9AF4F367708}"/>
              </a:ext>
            </a:extLst>
          </p:cNvPr>
          <p:cNvSpPr/>
          <p:nvPr/>
        </p:nvSpPr>
        <p:spPr>
          <a:xfrm>
            <a:off x="7160884" y="1052736"/>
            <a:ext cx="144016" cy="144016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13D559E-05B9-B9CA-6E77-F154C9A32404}"/>
              </a:ext>
            </a:extLst>
          </p:cNvPr>
          <p:cNvSpPr txBox="1"/>
          <p:nvPr/>
        </p:nvSpPr>
        <p:spPr>
          <a:xfrm flipH="1">
            <a:off x="6440804" y="3425320"/>
            <a:ext cx="2952328" cy="2235928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925F9923-6F0B-E0B0-06DA-BFA4FE49BDF6}"/>
              </a:ext>
            </a:extLst>
          </p:cNvPr>
          <p:cNvSpPr/>
          <p:nvPr/>
        </p:nvSpPr>
        <p:spPr bwMode="auto">
          <a:xfrm>
            <a:off x="8241004" y="1916832"/>
            <a:ext cx="1008112" cy="1728192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7D56DFC2-6D2A-1DF7-D906-D604C6C6EC03}"/>
              </a:ext>
            </a:extLst>
          </p:cNvPr>
          <p:cNvSpPr/>
          <p:nvPr/>
        </p:nvSpPr>
        <p:spPr bwMode="auto">
          <a:xfrm>
            <a:off x="8385020" y="1108463"/>
            <a:ext cx="1008112" cy="1728192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D8A79DB-AABA-9DD4-4715-166CB3B3937D}"/>
              </a:ext>
            </a:extLst>
          </p:cNvPr>
          <p:cNvSpPr/>
          <p:nvPr/>
        </p:nvSpPr>
        <p:spPr bwMode="auto">
          <a:xfrm>
            <a:off x="8004715" y="1025141"/>
            <a:ext cx="1008112" cy="499839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FBC0B841-8CAC-E261-91B6-D8486E1DBCBF}"/>
              </a:ext>
            </a:extLst>
          </p:cNvPr>
          <p:cNvSpPr txBox="1"/>
          <p:nvPr/>
        </p:nvSpPr>
        <p:spPr>
          <a:xfrm>
            <a:off x="10673972" y="3331031"/>
            <a:ext cx="1428276" cy="160813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100" dirty="0">
                <a:latin typeface="+mn-lt"/>
              </a:rPr>
              <a:t>Station Nord sea water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AD0948CD-2A80-57E0-E4C9-72789AD3C669}"/>
              </a:ext>
            </a:extLst>
          </p:cNvPr>
          <p:cNvSpPr/>
          <p:nvPr/>
        </p:nvSpPr>
        <p:spPr>
          <a:xfrm>
            <a:off x="10502079" y="3356992"/>
            <a:ext cx="115189" cy="123513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E6878A8F-AD03-94C6-1A34-C67DD7F62274}"/>
              </a:ext>
            </a:extLst>
          </p:cNvPr>
          <p:cNvSpPr/>
          <p:nvPr/>
        </p:nvSpPr>
        <p:spPr>
          <a:xfrm>
            <a:off x="10511228" y="3573017"/>
            <a:ext cx="106040" cy="99258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7E0BDA36-1FA7-1BCF-2B1F-0104AC3F75D6}"/>
              </a:ext>
            </a:extLst>
          </p:cNvPr>
          <p:cNvSpPr txBox="1"/>
          <p:nvPr/>
        </p:nvSpPr>
        <p:spPr>
          <a:xfrm>
            <a:off x="10673972" y="3557307"/>
            <a:ext cx="1383456" cy="16081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100" dirty="0">
                <a:latin typeface="+mn-lt"/>
              </a:rPr>
              <a:t>Maalutu sea ice</a:t>
            </a: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E9B3FA75-1FC0-A5C8-B1E4-E6C65CE35D36}"/>
              </a:ext>
            </a:extLst>
          </p:cNvPr>
          <p:cNvSpPr/>
          <p:nvPr/>
        </p:nvSpPr>
        <p:spPr>
          <a:xfrm>
            <a:off x="7956929" y="1670321"/>
            <a:ext cx="144016" cy="144016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25EE3091-D4E4-EC7F-FBA2-4D070AD5B81A}"/>
              </a:ext>
            </a:extLst>
          </p:cNvPr>
          <p:cNvSpPr/>
          <p:nvPr/>
        </p:nvSpPr>
        <p:spPr>
          <a:xfrm>
            <a:off x="7164842" y="1715079"/>
            <a:ext cx="140058" cy="144016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19C7D957-A2DC-C00D-1F5F-99FA5894D8A3}"/>
              </a:ext>
            </a:extLst>
          </p:cNvPr>
          <p:cNvSpPr txBox="1"/>
          <p:nvPr/>
        </p:nvSpPr>
        <p:spPr>
          <a:xfrm>
            <a:off x="444870" y="1757060"/>
            <a:ext cx="5380447" cy="444429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Sea ice acts as a reservoir for INP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INPs are stochastically incorporated or produced 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      W</a:t>
            </a:r>
            <a:r>
              <a:rPr lang="en-DK" sz="1600" dirty="0">
                <a:latin typeface="+mn-lt"/>
              </a:rPr>
              <a:t>ithin the sea ice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High concentration can’t be explained by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     stochastic incoporation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More INPs are situated at the bottom of the sea ice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Preliminary results show high atmospheric concentration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From sea spray experiment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Sea ice INPs are more effeciently aerosolized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Preliminary data fits with other lab experiment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b="1" dirty="0">
                <a:latin typeface="+mn-lt"/>
              </a:rPr>
              <a:t>We need to link the microbiology with the data 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</p:txBody>
      </p:sp>
      <p:pic>
        <p:nvPicPr>
          <p:cNvPr id="3074" name="Picture 2" descr="Ingen tilgængelig beskrivelse.">
            <a:extLst>
              <a:ext uri="{FF2B5EF4-FFF2-40B4-BE49-F238E27FC236}">
                <a16:creationId xmlns:a16="http://schemas.microsoft.com/office/drawing/2014/main" id="{B8B14380-5E8E-EF68-B577-54E44E29AD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20167" y="3284181"/>
            <a:ext cx="2039683" cy="1899015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944093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hart&#10;&#10;Description automatically generated">
            <a:extLst>
              <a:ext uri="{FF2B5EF4-FFF2-40B4-BE49-F238E27FC236}">
                <a16:creationId xmlns:a16="http://schemas.microsoft.com/office/drawing/2014/main" id="{13C53C23-D0E2-F6EF-A2C2-F647999709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91490" y="558800"/>
            <a:ext cx="6578600" cy="629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477955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D0D51D44-FADB-E2C7-6674-A89C4D6A89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0F617F5-84C6-EA44-E87E-A55F4447A74F}"/>
              </a:ext>
            </a:extLst>
          </p:cNvPr>
          <p:cNvSpPr txBox="1"/>
          <p:nvPr/>
        </p:nvSpPr>
        <p:spPr>
          <a:xfrm>
            <a:off x="-117987" y="-14748"/>
            <a:ext cx="12580373" cy="6887496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endParaRPr lang="en-DK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8396EA9-85EF-91B7-627F-17C05BB7A4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31913" y="254000"/>
            <a:ext cx="9525000" cy="635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20C48A-8016-EF16-A434-05B33196F9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kern="0" dirty="0"/>
              <a:t>Research questions</a:t>
            </a:r>
            <a:br>
              <a:rPr lang="en-DK" kern="0" dirty="0"/>
            </a:br>
            <a:endParaRPr lang="en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2636106-5943-A7B0-BF96-7E381C98B5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9796" y="1373021"/>
            <a:ext cx="10220325" cy="4521366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DK" sz="2000" dirty="0"/>
              <a:t>Does sea ice act as a </a:t>
            </a:r>
            <a:r>
              <a:rPr lang="en-DK" sz="2000" b="1" dirty="0"/>
              <a:t>reservoir for atmospheric INPs</a:t>
            </a:r>
            <a:r>
              <a:rPr lang="en-DK" sz="2000" dirty="0"/>
              <a:t>?</a:t>
            </a:r>
          </a:p>
          <a:p>
            <a:pPr marL="457200" indent="-457200">
              <a:buFont typeface="+mj-lt"/>
              <a:buAutoNum type="arabicPeriod"/>
            </a:pPr>
            <a:endParaRPr lang="en-DK" sz="2000" dirty="0"/>
          </a:p>
          <a:p>
            <a:pPr marL="457200" indent="-457200">
              <a:buFont typeface="+mj-lt"/>
              <a:buAutoNum type="arabicPeriod"/>
            </a:pPr>
            <a:r>
              <a:rPr lang="en-DK" sz="2000" dirty="0"/>
              <a:t>Where do the INP come from?</a:t>
            </a:r>
          </a:p>
          <a:p>
            <a:pPr marL="252000" lvl="1" indent="0">
              <a:buNone/>
            </a:pPr>
            <a:r>
              <a:rPr lang="en-DK" sz="2000" dirty="0"/>
              <a:t>	</a:t>
            </a:r>
            <a:r>
              <a:rPr lang="en-DK" sz="2000" b="1" dirty="0"/>
              <a:t>partitioning vs production</a:t>
            </a:r>
          </a:p>
          <a:p>
            <a:pPr lvl="1"/>
            <a:endParaRPr lang="en-DK" sz="2000" b="1" dirty="0"/>
          </a:p>
          <a:p>
            <a:pPr marL="457200" indent="-457200">
              <a:buFont typeface="+mj-lt"/>
              <a:buAutoNum type="arabicPeriod"/>
            </a:pPr>
            <a:r>
              <a:rPr lang="en-DK" sz="2000" dirty="0"/>
              <a:t>What is the </a:t>
            </a:r>
            <a:r>
              <a:rPr lang="en-DK" sz="2000" b="1" dirty="0"/>
              <a:t>temporal and spatial dynamics </a:t>
            </a:r>
            <a:r>
              <a:rPr lang="en-DK" sz="2000" dirty="0"/>
              <a:t>of INPs</a:t>
            </a:r>
          </a:p>
          <a:p>
            <a:pPr lvl="1" indent="0">
              <a:buNone/>
            </a:pPr>
            <a:r>
              <a:rPr lang="en-GB" dirty="0"/>
              <a:t> I</a:t>
            </a:r>
            <a:r>
              <a:rPr lang="en-DK" dirty="0"/>
              <a:t>n Arctic sea ice? </a:t>
            </a:r>
          </a:p>
          <a:p>
            <a:pPr lvl="1" indent="0">
              <a:buNone/>
            </a:pPr>
            <a:endParaRPr lang="en-DK" dirty="0"/>
          </a:p>
          <a:p>
            <a:pPr marL="457200" indent="-457200">
              <a:buFont typeface="+mj-lt"/>
              <a:buAutoNum type="arabicPeriod"/>
            </a:pPr>
            <a:r>
              <a:rPr lang="en-DK" sz="2000" dirty="0"/>
              <a:t> What is the </a:t>
            </a:r>
            <a:r>
              <a:rPr lang="en-DK" sz="2000" b="1" dirty="0"/>
              <a:t>potential contribution </a:t>
            </a:r>
            <a:r>
              <a:rPr lang="en-DK" sz="2000" dirty="0"/>
              <a:t>of sea ice to the </a:t>
            </a:r>
          </a:p>
          <a:p>
            <a:r>
              <a:rPr lang="en-DK" sz="2000" dirty="0"/>
              <a:t>	</a:t>
            </a:r>
            <a:r>
              <a:rPr lang="en-DK" sz="2000" b="1" dirty="0"/>
              <a:t>atmospheric INP pool </a:t>
            </a:r>
            <a:r>
              <a:rPr lang="en-DK" sz="2000" dirty="0"/>
              <a:t>in the Arcitc? </a:t>
            </a:r>
          </a:p>
          <a:p>
            <a:endParaRPr lang="en-DK" sz="2000" dirty="0"/>
          </a:p>
          <a:p>
            <a:pPr>
              <a:buNone/>
            </a:pPr>
            <a:endParaRPr lang="en-DK" sz="20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DK" sz="2000" dirty="0"/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AFB1F9-8CD0-852E-1315-8C449A41E1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542A7B-B454-B748-9A70-74F6898F65DB}" type="datetime1">
              <a:rPr lang="en-GB" smtClean="0"/>
              <a:t>20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58F0C71-4861-DA91-E5E8-DB2A1A55A5E8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417" b="335"/>
          <a:stretch/>
        </p:blipFill>
        <p:spPr bwMode="auto">
          <a:xfrm>
            <a:off x="6985117" y="604677"/>
            <a:ext cx="4886796" cy="525635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51177641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E84934-638C-C219-CBC8-E82AF18011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5721901" cy="752101"/>
          </a:xfrm>
        </p:spPr>
        <p:txBody>
          <a:bodyPr/>
          <a:lstStyle/>
          <a:p>
            <a:r>
              <a:rPr lang="en-DK" dirty="0"/>
              <a:t>Sample collection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2521229-D68B-248C-CEAA-BC129796C2D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6253" y="3469531"/>
            <a:ext cx="4116923" cy="2744615"/>
          </a:xfrm>
          <a:effectLst>
            <a:softEdge rad="103553"/>
          </a:effec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C59468-FBCB-F4D5-6B72-527FD7A94D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03355D-5683-2B4F-A3A7-E49F1B107468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2050" name="Picture 2" descr="Greenland Map Vector Art, Icons, and Graphics for Free Download">
            <a:extLst>
              <a:ext uri="{FF2B5EF4-FFF2-40B4-BE49-F238E27FC236}">
                <a16:creationId xmlns:a16="http://schemas.microsoft.com/office/drawing/2014/main" id="{B8F94404-C78C-A8E5-A9CB-38119A1E861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533" t="5238" r="17518" b="4949"/>
          <a:stretch/>
        </p:blipFill>
        <p:spPr bwMode="auto">
          <a:xfrm>
            <a:off x="4510236" y="1495264"/>
            <a:ext cx="2463683" cy="3075384"/>
          </a:xfrm>
          <a:prstGeom prst="rect">
            <a:avLst/>
          </a:prstGeom>
          <a:noFill/>
          <a:ln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Graphic 15" descr="Line arrow: Clockwise curve outline">
            <a:extLst>
              <a:ext uri="{FF2B5EF4-FFF2-40B4-BE49-F238E27FC236}">
                <a16:creationId xmlns:a16="http://schemas.microsoft.com/office/drawing/2014/main" id="{BC9EC147-3041-7CAC-A76B-BE749A85BA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1209677">
            <a:off x="4652649" y="3880560"/>
            <a:ext cx="1423288" cy="1423288"/>
          </a:xfrm>
          <a:prstGeom prst="rect">
            <a:avLst/>
          </a:prstGeom>
        </p:spPr>
      </p:pic>
      <p:pic>
        <p:nvPicPr>
          <p:cNvPr id="22" name="Picture 21" descr="A picture containing outdoor, sky, snow, mountain&#10;&#10;Description automatically generated">
            <a:extLst>
              <a:ext uri="{FF2B5EF4-FFF2-40B4-BE49-F238E27FC236}">
                <a16:creationId xmlns:a16="http://schemas.microsoft.com/office/drawing/2014/main" id="{26C5016D-2F4E-BFA7-5CF5-C8737DB48B64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005" y="439611"/>
            <a:ext cx="3908604" cy="2198589"/>
          </a:xfrm>
          <a:prstGeom prst="rect">
            <a:avLst/>
          </a:prstGeom>
          <a:effectLst>
            <a:softEdge rad="180993"/>
          </a:effectLst>
        </p:spPr>
      </p:pic>
      <p:pic>
        <p:nvPicPr>
          <p:cNvPr id="23" name="Graphic 22" descr="Line arrow: Clockwise curve outline">
            <a:extLst>
              <a:ext uri="{FF2B5EF4-FFF2-40B4-BE49-F238E27FC236}">
                <a16:creationId xmlns:a16="http://schemas.microsoft.com/office/drawing/2014/main" id="{0B72E8D2-3A74-C2D3-E139-F88C75FDAE7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334729" flipV="1">
            <a:off x="6369571" y="1081706"/>
            <a:ext cx="914400" cy="914400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C07775A5-761B-B8B6-2EDD-C43D40709AA5}"/>
              </a:ext>
            </a:extLst>
          </p:cNvPr>
          <p:cNvSpPr txBox="1"/>
          <p:nvPr/>
        </p:nvSpPr>
        <p:spPr>
          <a:xfrm>
            <a:off x="8004912" y="3044420"/>
            <a:ext cx="2900346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Sea ice samples and bulk water</a:t>
            </a:r>
          </a:p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Nuuk spring 2022</a:t>
            </a:r>
          </a:p>
          <a:p>
            <a:pPr algn="ctr">
              <a:lnSpc>
                <a:spcPct val="95000"/>
              </a:lnSpc>
            </a:pPr>
            <a:endParaRPr lang="en-DK" sz="1600" b="1" dirty="0">
              <a:latin typeface="+mn-lt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F21DDB9-667D-0A31-EF78-D93F40981A71}"/>
              </a:ext>
            </a:extLst>
          </p:cNvPr>
          <p:cNvSpPr txBox="1"/>
          <p:nvPr/>
        </p:nvSpPr>
        <p:spPr>
          <a:xfrm>
            <a:off x="8205993" y="107347"/>
            <a:ext cx="2498184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Bulk water samples</a:t>
            </a:r>
          </a:p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Station Nord  Summer 2021</a:t>
            </a:r>
          </a:p>
          <a:p>
            <a:pPr algn="ctr">
              <a:lnSpc>
                <a:spcPct val="95000"/>
              </a:lnSpc>
            </a:pPr>
            <a:endParaRPr lang="en-DK" sz="1600" b="1" dirty="0">
              <a:latin typeface="+mn-lt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136869A-BF66-D853-9637-6719C966B4E7}"/>
              </a:ext>
            </a:extLst>
          </p:cNvPr>
          <p:cNvSpPr txBox="1"/>
          <p:nvPr/>
        </p:nvSpPr>
        <p:spPr>
          <a:xfrm>
            <a:off x="1322240" y="1413576"/>
            <a:ext cx="2279470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Bulk water samples</a:t>
            </a:r>
          </a:p>
          <a:p>
            <a:pPr algn="ctr">
              <a:lnSpc>
                <a:spcPct val="95000"/>
              </a:lnSpc>
            </a:pPr>
            <a:r>
              <a:rPr lang="en-DK" sz="1600" dirty="0">
                <a:latin typeface="+mn-lt"/>
              </a:rPr>
              <a:t>Baffin bay summer 2016 </a:t>
            </a:r>
          </a:p>
          <a:p>
            <a:pPr algn="ctr">
              <a:lnSpc>
                <a:spcPct val="95000"/>
              </a:lnSpc>
            </a:pPr>
            <a:endParaRPr lang="en-DK" sz="1600" b="1" dirty="0">
              <a:latin typeface="+mn-lt"/>
            </a:endParaRPr>
          </a:p>
        </p:txBody>
      </p:sp>
      <p:pic>
        <p:nvPicPr>
          <p:cNvPr id="28" name="Graphic 27" descr="Line arrow: Clockwise curve outline">
            <a:extLst>
              <a:ext uri="{FF2B5EF4-FFF2-40B4-BE49-F238E27FC236}">
                <a16:creationId xmlns:a16="http://schemas.microsoft.com/office/drawing/2014/main" id="{0A8DB8CC-C505-0EA1-DC2C-5A5FD8061D5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16200000" flipV="1">
            <a:off x="3713706" y="1887857"/>
            <a:ext cx="914400" cy="1686177"/>
          </a:xfrm>
          <a:prstGeom prst="rect">
            <a:avLst/>
          </a:prstGeom>
        </p:spPr>
      </p:pic>
      <p:pic>
        <p:nvPicPr>
          <p:cNvPr id="29" name="Graphic 28" descr="Line arrow: Clockwise curve outline">
            <a:extLst>
              <a:ext uri="{FF2B5EF4-FFF2-40B4-BE49-F238E27FC236}">
                <a16:creationId xmlns:a16="http://schemas.microsoft.com/office/drawing/2014/main" id="{B1E67988-55DE-9E86-7CFA-E2D24400285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5400000">
            <a:off x="3827824" y="2694706"/>
            <a:ext cx="914400" cy="2463682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C1FEB3E3-5E8E-6291-DE5C-8EE5F2BF3199}"/>
              </a:ext>
            </a:extLst>
          </p:cNvPr>
          <p:cNvSpPr txBox="1"/>
          <p:nvPr/>
        </p:nvSpPr>
        <p:spPr>
          <a:xfrm>
            <a:off x="1366694" y="4009378"/>
            <a:ext cx="1729641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Sea ice samples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latin typeface="+mn-lt"/>
              </a:rPr>
              <a:t>S</a:t>
            </a:r>
            <a:r>
              <a:rPr lang="en-DK" sz="1600" dirty="0">
                <a:latin typeface="+mn-lt"/>
              </a:rPr>
              <a:t>pring 2016 +2018</a:t>
            </a:r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F7E14AC6-7CDD-F1A0-57F9-D66C356E95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1780" y="4288711"/>
            <a:ext cx="2686024" cy="2069119"/>
          </a:xfrm>
          <a:prstGeom prst="rect">
            <a:avLst/>
          </a:prstGeom>
          <a:noFill/>
          <a:effectLst>
            <a:softEdge rad="24112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>
            <a:extLst>
              <a:ext uri="{FF2B5EF4-FFF2-40B4-BE49-F238E27FC236}">
                <a16:creationId xmlns:a16="http://schemas.microsoft.com/office/drawing/2014/main" id="{087BDC1B-5956-7E41-86A5-C92F2B2CF76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6322" y="1847193"/>
            <a:ext cx="2312904" cy="1541460"/>
          </a:xfrm>
          <a:prstGeom prst="rect">
            <a:avLst/>
          </a:prstGeom>
          <a:noFill/>
          <a:effectLst>
            <a:softEdge rad="146439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9" name="Arc 38">
            <a:extLst>
              <a:ext uri="{FF2B5EF4-FFF2-40B4-BE49-F238E27FC236}">
                <a16:creationId xmlns:a16="http://schemas.microsoft.com/office/drawing/2014/main" id="{D83759EA-2C83-97B2-A2D9-4EC2695BE445}"/>
              </a:ext>
            </a:extLst>
          </p:cNvPr>
          <p:cNvSpPr/>
          <p:nvPr/>
        </p:nvSpPr>
        <p:spPr bwMode="auto">
          <a:xfrm rot="8423785">
            <a:off x="5176736" y="2975012"/>
            <a:ext cx="3024336" cy="2536554"/>
          </a:xfrm>
          <a:prstGeom prst="arc">
            <a:avLst>
              <a:gd name="adj1" fmla="val 18463006"/>
              <a:gd name="adj2" fmla="val 21542016"/>
            </a:avLst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094519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DC6D5B-3F0C-4CE2-98C5-C296150E2A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Experimental flow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BFE646-AD3A-A627-1B02-3002D6A515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189F94-9515-4449-91AD-7A981E528CDD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A412615E-BB4C-F876-23DC-56316DED4871}"/>
              </a:ext>
            </a:extLst>
          </p:cNvPr>
          <p:cNvCxnSpPr>
            <a:cxnSpLocks/>
          </p:cNvCxnSpPr>
          <p:nvPr/>
        </p:nvCxnSpPr>
        <p:spPr bwMode="auto">
          <a:xfrm>
            <a:off x="1485900" y="2852936"/>
            <a:ext cx="0" cy="2088232"/>
          </a:xfrm>
          <a:prstGeom prst="line">
            <a:avLst/>
          </a:prstGeom>
          <a:ln w="28575" cap="rnd"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36FD0CA8-92A5-D786-AEB6-86B97C6229CB}"/>
              </a:ext>
            </a:extLst>
          </p:cNvPr>
          <p:cNvSpPr txBox="1"/>
          <p:nvPr/>
        </p:nvSpPr>
        <p:spPr>
          <a:xfrm>
            <a:off x="894392" y="2276872"/>
            <a:ext cx="1183016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2016 &amp; 2018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Ice core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417ADC0B-5F07-4C22-C908-DE6FBC0162B0}"/>
              </a:ext>
            </a:extLst>
          </p:cNvPr>
          <p:cNvSpPr txBox="1"/>
          <p:nvPr/>
        </p:nvSpPr>
        <p:spPr>
          <a:xfrm>
            <a:off x="287868" y="5067298"/>
            <a:ext cx="2866747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/>
              <a:t>Does sea ice act as a</a:t>
            </a:r>
          </a:p>
          <a:p>
            <a:pPr>
              <a:lnSpc>
                <a:spcPct val="95000"/>
              </a:lnSpc>
            </a:pPr>
            <a:r>
              <a:rPr lang="en-DK" sz="1600" b="1" dirty="0"/>
              <a:t>reservoir for atmospheric INPs?</a:t>
            </a:r>
          </a:p>
          <a:p>
            <a:pPr>
              <a:lnSpc>
                <a:spcPct val="95000"/>
              </a:lnSpc>
            </a:pPr>
            <a:endParaRPr lang="en-DK" sz="1600" b="1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663840A-1487-551B-213C-9A7A679313EB}"/>
              </a:ext>
            </a:extLst>
          </p:cNvPr>
          <p:cNvSpPr txBox="1"/>
          <p:nvPr/>
        </p:nvSpPr>
        <p:spPr>
          <a:xfrm>
            <a:off x="2638028" y="1575141"/>
            <a:ext cx="2776914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/>
              <a:t>Where do the INP come from?</a:t>
            </a:r>
          </a:p>
          <a:p>
            <a:pPr>
              <a:lnSpc>
                <a:spcPct val="95000"/>
              </a:lnSpc>
            </a:pPr>
            <a:r>
              <a:rPr lang="en-DK" sz="1600" b="1" dirty="0"/>
              <a:t>Partitioning or production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2566DB7D-5C93-2B13-EA77-84D2B7F229A1}"/>
              </a:ext>
            </a:extLst>
          </p:cNvPr>
          <p:cNvCxnSpPr>
            <a:cxnSpLocks/>
          </p:cNvCxnSpPr>
          <p:nvPr/>
        </p:nvCxnSpPr>
        <p:spPr bwMode="auto">
          <a:xfrm>
            <a:off x="3862164" y="2122220"/>
            <a:ext cx="0" cy="2088232"/>
          </a:xfrm>
          <a:prstGeom prst="line">
            <a:avLst/>
          </a:prstGeom>
          <a:ln w="28575" cap="rnd"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02DF3BCF-9A76-9DD6-0F5D-7D3A7855D468}"/>
              </a:ext>
            </a:extLst>
          </p:cNvPr>
          <p:cNvCxnSpPr>
            <a:cxnSpLocks/>
          </p:cNvCxnSpPr>
          <p:nvPr/>
        </p:nvCxnSpPr>
        <p:spPr bwMode="auto">
          <a:xfrm>
            <a:off x="894392" y="3886185"/>
            <a:ext cx="10168572" cy="0"/>
          </a:xfrm>
          <a:prstGeom prst="line">
            <a:avLst/>
          </a:prstGeom>
          <a:ln w="57150" cap="rnd">
            <a:headEnd type="oval" w="med" len="med"/>
            <a:tailEnd type="triangl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09D2906C-24C8-7911-1B6D-7F8F52280FE5}"/>
              </a:ext>
            </a:extLst>
          </p:cNvPr>
          <p:cNvSpPr txBox="1"/>
          <p:nvPr/>
        </p:nvSpPr>
        <p:spPr>
          <a:xfrm>
            <a:off x="2609653" y="4321083"/>
            <a:ext cx="2473306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Modified ice finger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SBW samples BB and Nuuk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6CA71422-6671-E01D-FB33-A3E55F932D65}"/>
              </a:ext>
            </a:extLst>
          </p:cNvPr>
          <p:cNvCxnSpPr>
            <a:cxnSpLocks/>
          </p:cNvCxnSpPr>
          <p:nvPr/>
        </p:nvCxnSpPr>
        <p:spPr bwMode="auto">
          <a:xfrm>
            <a:off x="6111892" y="3276967"/>
            <a:ext cx="0" cy="2088232"/>
          </a:xfrm>
          <a:prstGeom prst="line">
            <a:avLst/>
          </a:prstGeom>
          <a:ln w="28575" cap="rnd"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3F42763-3175-02CC-143B-4088EBCCE44F}"/>
              </a:ext>
            </a:extLst>
          </p:cNvPr>
          <p:cNvSpPr txBox="1"/>
          <p:nvPr/>
        </p:nvSpPr>
        <p:spPr>
          <a:xfrm>
            <a:off x="4100371" y="5552132"/>
            <a:ext cx="409777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/>
              <a:t>What is the temporal and spatial dynamics of INPs </a:t>
            </a:r>
            <a:r>
              <a:rPr lang="en-GB" sz="1600" b="1" dirty="0"/>
              <a:t>I</a:t>
            </a:r>
            <a:r>
              <a:rPr lang="en-DK" sz="1600" b="1" dirty="0"/>
              <a:t>n Arctic sea ice?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CCB34F0A-6F3C-8A2C-5CE3-951262391D9A}"/>
              </a:ext>
            </a:extLst>
          </p:cNvPr>
          <p:cNvSpPr txBox="1"/>
          <p:nvPr/>
        </p:nvSpPr>
        <p:spPr>
          <a:xfrm>
            <a:off x="5258292" y="2667831"/>
            <a:ext cx="1707199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/>
              <a:t>Sea ice time series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Nuuk 2022</a:t>
            </a:r>
            <a:endParaRPr lang="en-DK" sz="1600" dirty="0">
              <a:latin typeface="+mn-lt"/>
            </a:endParaRPr>
          </a:p>
        </p:txBody>
      </p: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85C0114A-C268-ED55-DDC2-58C22DCDF063}"/>
              </a:ext>
            </a:extLst>
          </p:cNvPr>
          <p:cNvCxnSpPr>
            <a:cxnSpLocks/>
          </p:cNvCxnSpPr>
          <p:nvPr/>
        </p:nvCxnSpPr>
        <p:spPr bwMode="auto">
          <a:xfrm>
            <a:off x="8902724" y="2510782"/>
            <a:ext cx="0" cy="2088232"/>
          </a:xfrm>
          <a:prstGeom prst="line">
            <a:avLst/>
          </a:prstGeom>
          <a:ln w="28575" cap="rnd"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4FB6B28C-1B13-1083-08E6-CA7D54729546}"/>
              </a:ext>
            </a:extLst>
          </p:cNvPr>
          <p:cNvSpPr txBox="1"/>
          <p:nvPr/>
        </p:nvSpPr>
        <p:spPr>
          <a:xfrm>
            <a:off x="7016253" y="1818264"/>
            <a:ext cx="3987182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/>
              <a:t>What is the potential contribution of sea ice</a:t>
            </a:r>
          </a:p>
          <a:p>
            <a:pPr>
              <a:lnSpc>
                <a:spcPct val="95000"/>
              </a:lnSpc>
            </a:pPr>
            <a:r>
              <a:rPr lang="en-DK" sz="1600" b="1" dirty="0"/>
              <a:t>to the atmospheric INP pool in the Arcitc? 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701F6002-9106-E2A3-0C00-72546BE4F927}"/>
              </a:ext>
            </a:extLst>
          </p:cNvPr>
          <p:cNvSpPr txBox="1"/>
          <p:nvPr/>
        </p:nvSpPr>
        <p:spPr>
          <a:xfrm>
            <a:off x="7157214" y="4658685"/>
            <a:ext cx="3491020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Sea spray experiments</a:t>
            </a:r>
          </a:p>
          <a:p>
            <a:pPr algn="ctr">
              <a:lnSpc>
                <a:spcPct val="95000"/>
              </a:lnSpc>
            </a:pPr>
            <a:r>
              <a:rPr lang="en-DK" sz="1600" b="1" dirty="0">
                <a:latin typeface="+mn-lt"/>
              </a:rPr>
              <a:t>Ice cores and SBW from Nuuk and STN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657DC071-6EB5-EE3A-050E-6A7AAEF08575}"/>
              </a:ext>
            </a:extLst>
          </p:cNvPr>
          <p:cNvSpPr txBox="1"/>
          <p:nvPr/>
        </p:nvSpPr>
        <p:spPr>
          <a:xfrm>
            <a:off x="10214489" y="14670"/>
            <a:ext cx="1956433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BB – Baffin Bay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TN – Station Nord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SBW – Sea bulk water</a:t>
            </a:r>
          </a:p>
        </p:txBody>
      </p:sp>
    </p:spTree>
    <p:extLst>
      <p:ext uri="{BB962C8B-B14F-4D97-AF65-F5344CB8AC3E}">
        <p14:creationId xmlns:p14="http://schemas.microsoft.com/office/powerpoint/2010/main" val="255846812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0529A2-FA25-8DBC-1D22-7BF7A5A22B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sz="4000" dirty="0"/>
              <a:t>Does Sea ice act as a reservoir for INPs?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1F565A-0457-2E66-021E-F53F63C89E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03D017-72D2-DE4F-A512-AFB12BABECE3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38D4649D-10B7-6E94-70F2-33209AA838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62164" y="1700808"/>
            <a:ext cx="4197138" cy="393875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1317552B-8048-CE51-CDE7-0092B3C4276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12411"/>
          <a:stretch/>
        </p:blipFill>
        <p:spPr>
          <a:xfrm>
            <a:off x="8084583" y="1700808"/>
            <a:ext cx="3676221" cy="3938756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A835E2D3-5B0A-4362-BEB2-1946475FCBFD}"/>
                  </a:ext>
                </a:extLst>
              </p:cNvPr>
              <p:cNvSpPr txBox="1"/>
              <p:nvPr/>
            </p:nvSpPr>
            <p:spPr>
              <a:xfrm>
                <a:off x="411339" y="1700808"/>
                <a:ext cx="3221908" cy="358662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Sea ice showed high onset</a:t>
                </a:r>
              </a:p>
              <a:p>
                <a:pPr>
                  <a:lnSpc>
                    <a:spcPct val="95000"/>
                  </a:lnSpc>
                </a:pPr>
                <a:r>
                  <a:rPr lang="en-DK" sz="1600" dirty="0">
                    <a:latin typeface="+mn-lt"/>
                  </a:rPr>
                  <a:t>      Nucleation temperatures</a:t>
                </a: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Ice cores from 2016 showed</a:t>
                </a:r>
              </a:p>
              <a:p>
                <a:pPr>
                  <a:lnSpc>
                    <a:spcPct val="95000"/>
                  </a:lnSpc>
                </a:pPr>
                <a:r>
                  <a:rPr lang="en-DK" sz="1600" dirty="0">
                    <a:latin typeface="+mn-lt"/>
                  </a:rPr>
                  <a:t>      particulary active INPs</a:t>
                </a: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Filtration did not reduce INP</a:t>
                </a:r>
              </a:p>
              <a:p>
                <a:pPr>
                  <a:lnSpc>
                    <a:spcPct val="95000"/>
                  </a:lnSpc>
                </a:pPr>
                <a:r>
                  <a:rPr lang="en-GB" sz="1600" dirty="0">
                    <a:latin typeface="+mn-lt"/>
                  </a:rPr>
                  <a:t>      A</a:t>
                </a:r>
                <a:r>
                  <a:rPr lang="en-DK" sz="1600" dirty="0">
                    <a:latin typeface="+mn-lt"/>
                  </a:rPr>
                  <a:t>ctivity significantly</a:t>
                </a:r>
              </a:p>
              <a:p>
                <a:pPr>
                  <a:lnSpc>
                    <a:spcPct val="95000"/>
                  </a:lnSpc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2018   INP</a:t>
                </a:r>
                <a:r>
                  <a:rPr lang="en-DK" sz="1600" baseline="-25000" dirty="0">
                    <a:latin typeface="+mn-lt"/>
                  </a:rPr>
                  <a:t>10</a:t>
                </a:r>
                <a:r>
                  <a:rPr lang="en-DK" sz="1600" dirty="0">
                    <a:latin typeface="+mn-lt"/>
                  </a:rPr>
                  <a:t> </a:t>
                </a:r>
                <a14:m>
                  <m:oMath xmlns:m="http://schemas.openxmlformats.org/officeDocument/2006/math">
                    <m:r>
                      <a:rPr lang="en-DK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~</m:t>
                    </m:r>
                  </m:oMath>
                </a14:m>
                <a:r>
                  <a:rPr lang="en-DK" sz="1600" dirty="0">
                    <a:latin typeface="+mn-lt"/>
                  </a:rPr>
                  <a:t>10</a:t>
                </a:r>
                <a:r>
                  <a:rPr lang="en-DK" sz="1600" baseline="30000" dirty="0">
                    <a:latin typeface="+mn-lt"/>
                  </a:rPr>
                  <a:t>4</a:t>
                </a:r>
                <a:r>
                  <a:rPr lang="en-DK" sz="1600" dirty="0">
                    <a:latin typeface="+mn-lt"/>
                  </a:rPr>
                  <a:t> INPs </a:t>
                </a:r>
                <a14:m>
                  <m:oMath xmlns:m="http://schemas.openxmlformats.org/officeDocument/2006/math">
                    <m:r>
                      <a:rPr lang="en-DK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DK" sz="1600" dirty="0">
                    <a:latin typeface="+mn-lt"/>
                  </a:rPr>
                  <a:t>L</a:t>
                </a:r>
                <a:r>
                  <a:rPr lang="en-DK" sz="1600" baseline="30000" dirty="0">
                    <a:latin typeface="+mn-lt"/>
                  </a:rPr>
                  <a:t>-1</a:t>
                </a: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dirty="0">
                    <a:latin typeface="+mn-lt"/>
                  </a:rPr>
                  <a:t>2016   INP</a:t>
                </a:r>
                <a:r>
                  <a:rPr lang="en-DK" sz="1600" baseline="-25000" dirty="0">
                    <a:latin typeface="+mn-lt"/>
                  </a:rPr>
                  <a:t>10</a:t>
                </a:r>
                <a:r>
                  <a:rPr lang="en-DK" sz="1600" dirty="0">
                    <a:latin typeface="+mn-lt"/>
                  </a:rPr>
                  <a:t> </a:t>
                </a:r>
                <a14:m>
                  <m:oMath xmlns:m="http://schemas.openxmlformats.org/officeDocument/2006/math">
                    <m:r>
                      <a:rPr lang="da-DK" sz="1600" b="0" i="1" smtClean="0">
                        <a:latin typeface="Cambria Math" panose="02040503050406030204" pitchFamily="18" charset="0"/>
                      </a:rPr>
                      <m:t>&gt;</m:t>
                    </m:r>
                  </m:oMath>
                </a14:m>
                <a:r>
                  <a:rPr lang="en-DK" sz="1600" dirty="0">
                    <a:latin typeface="+mn-lt"/>
                  </a:rPr>
                  <a:t>10</a:t>
                </a:r>
                <a:r>
                  <a:rPr lang="en-DK" sz="1600" baseline="30000" dirty="0">
                    <a:latin typeface="+mn-lt"/>
                  </a:rPr>
                  <a:t>5</a:t>
                </a:r>
                <a:r>
                  <a:rPr lang="en-DK" sz="1600" dirty="0">
                    <a:latin typeface="+mn-lt"/>
                  </a:rPr>
                  <a:t> INPs </a:t>
                </a:r>
                <a14:m>
                  <m:oMath xmlns:m="http://schemas.openxmlformats.org/officeDocument/2006/math">
                    <m:r>
                      <a:rPr lang="en-DK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∙</m:t>
                    </m:r>
                    <m:r>
                      <a:rPr lang="da-DK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DK" sz="1600" dirty="0">
                    <a:latin typeface="+mn-lt"/>
                  </a:rPr>
                  <a:t>L</a:t>
                </a:r>
                <a:r>
                  <a:rPr lang="en-DK" sz="1600" baseline="30000" dirty="0">
                    <a:latin typeface="+mn-lt"/>
                  </a:rPr>
                  <a:t>-1</a:t>
                </a: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baseline="300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endParaRPr lang="en-DK" sz="1600" baseline="30000" dirty="0">
                  <a:latin typeface="+mn-lt"/>
                </a:endParaRPr>
              </a:p>
              <a:p>
                <a:pPr marL="285750" indent="-285750">
                  <a:lnSpc>
                    <a:spcPct val="95000"/>
                  </a:lnSpc>
                  <a:buFont typeface="Wingdings" pitchFamily="2" charset="2"/>
                  <a:buChar char="Ø"/>
                </a:pPr>
                <a:r>
                  <a:rPr lang="en-DK" sz="1600" b="1" dirty="0">
                    <a:latin typeface="+mn-lt"/>
                  </a:rPr>
                  <a:t>First observation of highly active</a:t>
                </a:r>
              </a:p>
              <a:p>
                <a:pPr>
                  <a:lnSpc>
                    <a:spcPct val="95000"/>
                  </a:lnSpc>
                </a:pPr>
                <a:r>
                  <a:rPr lang="en-DK" sz="1600" b="1" dirty="0">
                    <a:latin typeface="+mn-lt"/>
                  </a:rPr>
                  <a:t>      INPs in sea ice</a:t>
                </a:r>
              </a:p>
            </p:txBody>
          </p:sp>
        </mc:Choice>
        <mc:Fallback>
          <p:sp>
            <p:nvSpPr>
              <p:cNvPr id="15" name="TextBox 14">
                <a:extLst>
                  <a:ext uri="{FF2B5EF4-FFF2-40B4-BE49-F238E27FC236}">
                    <a16:creationId xmlns:a16="http://schemas.microsoft.com/office/drawing/2014/main" id="{A835E2D3-5B0A-4362-BEB2-1946475FCBFD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11339" y="1700808"/>
                <a:ext cx="3221908" cy="3586623"/>
              </a:xfrm>
              <a:prstGeom prst="rect">
                <a:avLst/>
              </a:prstGeom>
              <a:blipFill>
                <a:blip r:embed="rId4"/>
                <a:stretch>
                  <a:fillRect l="-3529" t="-1761" r="-2745" b="-2465"/>
                </a:stretch>
              </a:blipFill>
            </p:spPr>
            <p:txBody>
              <a:bodyPr/>
              <a:lstStyle/>
              <a:p>
                <a:r>
                  <a:rPr lang="en-DK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28015621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80FB74-42B8-AB74-E0EB-3385E8731A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DK" sz="2800" b="1" dirty="0"/>
              <a:t>Where do the INPs come from? Partitioning or production</a:t>
            </a:r>
            <a:br>
              <a:rPr lang="en-DK" sz="2800" b="1" dirty="0"/>
            </a:br>
            <a:endParaRPr lang="en-DK" sz="2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CFD94A-349C-981B-5041-72A42D281C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4982FF-03E0-9048-ACE6-6753F2E33197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E858527-B046-96AE-4899-08718AB77005}"/>
              </a:ext>
            </a:extLst>
          </p:cNvPr>
          <p:cNvSpPr txBox="1"/>
          <p:nvPr/>
        </p:nvSpPr>
        <p:spPr>
          <a:xfrm>
            <a:off x="6001087" y="5881143"/>
            <a:ext cx="5107617" cy="1754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200" dirty="0"/>
              <a:t>Purification of antifreeze proteins by adsorption to ice - Kuiper et. al. (2003) </a:t>
            </a:r>
          </a:p>
        </p:txBody>
      </p:sp>
      <p:pic>
        <p:nvPicPr>
          <p:cNvPr id="6" name="Picture 5" descr="A picture containing text, metalware&#10;&#10;Description automatically generated">
            <a:extLst>
              <a:ext uri="{FF2B5EF4-FFF2-40B4-BE49-F238E27FC236}">
                <a16:creationId xmlns:a16="http://schemas.microsoft.com/office/drawing/2014/main" id="{89A80FEE-F37D-6195-BBD0-B42F44CE688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372" y="3697282"/>
            <a:ext cx="5374332" cy="207612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9624EF3-703D-A790-B18D-B05D7B6DB2B9}"/>
              </a:ext>
            </a:extLst>
          </p:cNvPr>
          <p:cNvSpPr txBox="1"/>
          <p:nvPr/>
        </p:nvSpPr>
        <p:spPr>
          <a:xfrm>
            <a:off x="5306153" y="5296739"/>
            <a:ext cx="138986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100 mL samp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2879DF5-3FEB-4C02-1466-1451264E9CEE}"/>
              </a:ext>
            </a:extLst>
          </p:cNvPr>
          <p:cNvSpPr txBox="1"/>
          <p:nvPr/>
        </p:nvSpPr>
        <p:spPr>
          <a:xfrm>
            <a:off x="10270876" y="5229200"/>
            <a:ext cx="67005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4 hours</a:t>
            </a:r>
          </a:p>
        </p:txBody>
      </p:sp>
      <p:pic>
        <p:nvPicPr>
          <p:cNvPr id="12" name="Immagine 6">
            <a:extLst>
              <a:ext uri="{FF2B5EF4-FFF2-40B4-BE49-F238E27FC236}">
                <a16:creationId xmlns:a16="http://schemas.microsoft.com/office/drawing/2014/main" id="{5C3375C8-A12C-3624-4C18-CE8D826A392B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7462564" y="695212"/>
            <a:ext cx="2425631" cy="2894331"/>
          </a:xfrm>
          <a:prstGeom prst="rect">
            <a:avLst/>
          </a:prstGeom>
          <a:effectLst>
            <a:glow>
              <a:schemeClr val="accent1">
                <a:alpha val="40000"/>
              </a:schemeClr>
            </a:glow>
            <a:softEdge rad="183119"/>
          </a:effec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4D0DDC4A-4E1C-D02A-ABB1-AF4270388272}"/>
              </a:ext>
            </a:extLst>
          </p:cNvPr>
          <p:cNvSpPr txBox="1"/>
          <p:nvPr/>
        </p:nvSpPr>
        <p:spPr>
          <a:xfrm>
            <a:off x="10010898" y="1724691"/>
            <a:ext cx="1350883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Example of ice</a:t>
            </a:r>
          </a:p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after 4 hour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3D6439E-756E-5F9E-9905-BC17FD52A64F}"/>
              </a:ext>
            </a:extLst>
          </p:cNvPr>
          <p:cNvSpPr txBox="1"/>
          <p:nvPr/>
        </p:nvSpPr>
        <p:spPr>
          <a:xfrm>
            <a:off x="827044" y="1952127"/>
            <a:ext cx="4288033" cy="31285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800" dirty="0">
                <a:latin typeface="+mn-lt"/>
              </a:rPr>
              <a:t>Modified ice finger with double cooling</a:t>
            </a:r>
          </a:p>
          <a:p>
            <a:pPr>
              <a:lnSpc>
                <a:spcPct val="95000"/>
              </a:lnSpc>
            </a:pPr>
            <a:r>
              <a:rPr lang="en-DK" sz="1800" dirty="0">
                <a:latin typeface="+mn-lt"/>
              </a:rPr>
              <a:t>      Ice finger -10 °C insulation -5 °C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800" dirty="0">
                <a:latin typeface="+mn-lt"/>
              </a:rPr>
              <a:t>3 SBW samples from Nuuk 2022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800" dirty="0">
                <a:latin typeface="+mn-lt"/>
              </a:rPr>
              <a:t>4 SBW samples from BB  2016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8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800" dirty="0">
                <a:latin typeface="+mn-lt"/>
              </a:rPr>
              <a:t>3 sample types obtained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</a:t>
            </a:r>
            <a:r>
              <a:rPr lang="en-DK" sz="1800" baseline="-25000" dirty="0">
                <a:latin typeface="+mn-lt"/>
              </a:rPr>
              <a:t>0 </a:t>
            </a:r>
            <a:r>
              <a:rPr lang="en-DK" sz="1800" dirty="0">
                <a:latin typeface="+mn-lt"/>
              </a:rPr>
              <a:t>water – Initial samples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</a:t>
            </a:r>
            <a:r>
              <a:rPr lang="en-DK" sz="1800" baseline="-25000" dirty="0">
                <a:latin typeface="+mn-lt"/>
              </a:rPr>
              <a:t>1</a:t>
            </a:r>
            <a:r>
              <a:rPr lang="en-DK" sz="1800" dirty="0">
                <a:latin typeface="+mn-lt"/>
              </a:rPr>
              <a:t>water – after experiment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en-DK" sz="1800" dirty="0">
                <a:latin typeface="+mn-lt"/>
              </a:rPr>
              <a:t>T</a:t>
            </a:r>
            <a:r>
              <a:rPr lang="en-DK" sz="1800" baseline="-25000" dirty="0">
                <a:latin typeface="+mn-lt"/>
              </a:rPr>
              <a:t>1</a:t>
            </a:r>
            <a:r>
              <a:rPr lang="en-DK" sz="1800" dirty="0">
                <a:latin typeface="+mn-lt"/>
              </a:rPr>
              <a:t>Ice – ice melt after experiment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8024964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AAB047-F619-6E42-BDC7-398803221F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Incorporation of INPs in sea ic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F5EA9D-E654-DCD2-5648-23BFD18F98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21CA02-7AA5-AE4D-8E92-CA4BE8898DA5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7756A-669B-8FCC-BE9D-FC5E51CBDF76}"/>
              </a:ext>
            </a:extLst>
          </p:cNvPr>
          <p:cNvSpPr txBox="1"/>
          <p:nvPr/>
        </p:nvSpPr>
        <p:spPr>
          <a:xfrm>
            <a:off x="4942284" y="1408420"/>
            <a:ext cx="100828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Nuuk 2022</a:t>
            </a:r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50EC13C6-04A2-FABA-A03B-9EA20A92AE8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06"/>
          <a:stretch/>
        </p:blipFill>
        <p:spPr>
          <a:xfrm>
            <a:off x="4798268" y="1772815"/>
            <a:ext cx="6925414" cy="4208967"/>
          </a:xfr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8199F42-EA1A-938D-BDAF-CB2D8E0DDF51}"/>
              </a:ext>
            </a:extLst>
          </p:cNvPr>
          <p:cNvSpPr txBox="1"/>
          <p:nvPr/>
        </p:nvSpPr>
        <p:spPr>
          <a:xfrm>
            <a:off x="4942284" y="3707394"/>
            <a:ext cx="144590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Baffin Bay 2016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F808AF4-B1F7-BD28-03DE-E75FDCDCC6AA}"/>
              </a:ext>
            </a:extLst>
          </p:cNvPr>
          <p:cNvSpPr txBox="1"/>
          <p:nvPr/>
        </p:nvSpPr>
        <p:spPr>
          <a:xfrm>
            <a:off x="112588" y="2070023"/>
            <a:ext cx="4573753" cy="32747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No clear preferential partitioning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No clear production based on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      m</a:t>
            </a:r>
            <a:r>
              <a:rPr lang="en-DK" sz="1600" dirty="0">
                <a:latin typeface="+mn-lt"/>
              </a:rPr>
              <a:t>icrobial activity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INP incorporation could be a stochastic proces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Filtration had larger effect on ice samples</a:t>
            </a:r>
          </a:p>
          <a:p>
            <a:pPr marL="895243" lvl="1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Associated with microorganisms</a:t>
            </a:r>
          </a:p>
          <a:p>
            <a:pPr marL="895243" lvl="1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Bound to EPS </a:t>
            </a:r>
            <a:r>
              <a:rPr lang="en-DK" sz="1600" dirty="0">
                <a:latin typeface="+mn-lt"/>
                <a:sym typeface="Wingdings" pitchFamily="2" charset="2"/>
              </a:rPr>
              <a:t> Sticky</a:t>
            </a:r>
            <a:endParaRPr lang="en-DK" sz="1600" dirty="0">
              <a:latin typeface="+mn-lt"/>
            </a:endParaRPr>
          </a:p>
          <a:p>
            <a:pPr marL="895243" lvl="1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Aggregation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b="1" dirty="0">
                <a:latin typeface="+mn-lt"/>
              </a:rPr>
              <a:t>Why is the INP concentrations higher in sea ice</a:t>
            </a:r>
          </a:p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      compared to seawater?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4C0F867-20D0-974B-E702-9D1331F1B57D}"/>
              </a:ext>
            </a:extLst>
          </p:cNvPr>
          <p:cNvSpPr txBox="1"/>
          <p:nvPr/>
        </p:nvSpPr>
        <p:spPr>
          <a:xfrm>
            <a:off x="100240" y="5981782"/>
            <a:ext cx="3642728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EPS – Extracellular polymeric substances</a:t>
            </a:r>
          </a:p>
        </p:txBody>
      </p:sp>
    </p:spTree>
    <p:extLst>
      <p:ext uri="{BB962C8B-B14F-4D97-AF65-F5344CB8AC3E}">
        <p14:creationId xmlns:p14="http://schemas.microsoft.com/office/powerpoint/2010/main" val="37417399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9073F-75EE-C2E7-E6BC-F356DA34A0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sz="3000" b="1" dirty="0"/>
              <a:t>What is the temporal and spatial dynamics of INPs </a:t>
            </a:r>
            <a:r>
              <a:rPr lang="en-GB" sz="3000" b="1" dirty="0"/>
              <a:t>I</a:t>
            </a:r>
            <a:r>
              <a:rPr lang="en-DK" sz="3000" b="1" dirty="0"/>
              <a:t>n Arctic sea ice? </a:t>
            </a:r>
            <a:br>
              <a:rPr lang="en-DK" sz="3000" b="1" dirty="0"/>
            </a:br>
            <a:endParaRPr lang="en-DK" sz="3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6FF609-A29D-F129-9A8D-7C24FFA83E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97CA78-7000-3E42-AAFF-262B4BDE6E51}" type="datetime1">
              <a:rPr lang="en-GB" smtClean="0"/>
              <a:t>21/04/2023</a:t>
            </a:fld>
            <a:r>
              <a:rPr lang="en-GB"/>
              <a:t>20/04/2023</a:t>
            </a:r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1A19652-6A5F-0297-C93E-CB3F1A61C34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928" r="76667"/>
          <a:stretch/>
        </p:blipFill>
        <p:spPr>
          <a:xfrm>
            <a:off x="4614836" y="1922386"/>
            <a:ext cx="1854773" cy="402765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4056EB4-3685-5F94-1AD0-DF25CA71D5CC}"/>
              </a:ext>
            </a:extLst>
          </p:cNvPr>
          <p:cNvSpPr txBox="1"/>
          <p:nvPr/>
        </p:nvSpPr>
        <p:spPr>
          <a:xfrm>
            <a:off x="4814220" y="2291601"/>
            <a:ext cx="455253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5 cm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8CDBEB9-29DF-2FC5-4B2F-12606B71A159}"/>
              </a:ext>
            </a:extLst>
          </p:cNvPr>
          <p:cNvSpPr txBox="1"/>
          <p:nvPr/>
        </p:nvSpPr>
        <p:spPr>
          <a:xfrm>
            <a:off x="4760248" y="3389607"/>
            <a:ext cx="572273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30 cm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049329D-DEBE-252D-E9C3-F936F89DB5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46245" y="1844824"/>
            <a:ext cx="4305300" cy="3492500"/>
          </a:xfrm>
          <a:prstGeom prst="rect">
            <a:avLst/>
          </a:prstGeom>
        </p:spPr>
      </p:pic>
      <p:pic>
        <p:nvPicPr>
          <p:cNvPr id="9" name="Picture 8" descr="A picture containing outdoor, hat, wearing, jacket&#10;&#10;Description automatically generated">
            <a:extLst>
              <a:ext uri="{FF2B5EF4-FFF2-40B4-BE49-F238E27FC236}">
                <a16:creationId xmlns:a16="http://schemas.microsoft.com/office/drawing/2014/main" id="{DDF8E3F5-D29C-4598-E849-F287B7344F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789144" y="769230"/>
            <a:ext cx="1176613" cy="118650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32C8B7EC-3313-9390-DE1F-E5E65FEC63A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832" t="9928" r="76667" b="44431"/>
          <a:stretch/>
        </p:blipFill>
        <p:spPr>
          <a:xfrm>
            <a:off x="6764075" y="2780928"/>
            <a:ext cx="596244" cy="2040887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C52A6357-F441-C8FA-6405-E2B7617A8798}"/>
              </a:ext>
            </a:extLst>
          </p:cNvPr>
          <p:cNvSpPr txBox="1"/>
          <p:nvPr/>
        </p:nvSpPr>
        <p:spPr>
          <a:xfrm>
            <a:off x="5397086" y="1805431"/>
            <a:ext cx="135844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4 X cores Nuuk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5B9D9BD-C738-AA6F-4408-A752C103F7A1}"/>
              </a:ext>
            </a:extLst>
          </p:cNvPr>
          <p:cNvSpPr txBox="1"/>
          <p:nvPr/>
        </p:nvSpPr>
        <p:spPr>
          <a:xfrm>
            <a:off x="6656817" y="2468256"/>
            <a:ext cx="790858" cy="46782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1 x core 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Maalutu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CAFA377-9D96-1FD7-41D8-B3B23059E869}"/>
              </a:ext>
            </a:extLst>
          </p:cNvPr>
          <p:cNvSpPr txBox="1"/>
          <p:nvPr/>
        </p:nvSpPr>
        <p:spPr>
          <a:xfrm>
            <a:off x="609600" y="2062480"/>
            <a:ext cx="3841308" cy="350865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Ice cores was collected on 5 dates in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     March and April following the bloom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Chlorophyll a concentrations increased</a:t>
            </a: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     with time troughout the cores</a:t>
            </a: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dirty="0">
                <a:latin typeface="+mn-lt"/>
              </a:rPr>
              <a:t>Ice core from Maaluto had high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      c</a:t>
            </a:r>
            <a:r>
              <a:rPr lang="en-DK" sz="1600" dirty="0">
                <a:latin typeface="+mn-lt"/>
              </a:rPr>
              <a:t>hlorophyll a at the bottom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itchFamily="2" charset="2"/>
              <a:buChar char="Ø"/>
            </a:pPr>
            <a:r>
              <a:rPr lang="en-DK" sz="1600" b="1" dirty="0">
                <a:latin typeface="+mn-lt"/>
              </a:rPr>
              <a:t>We measured INP concentrations and</a:t>
            </a:r>
          </a:p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T</a:t>
            </a:r>
            <a:r>
              <a:rPr lang="en-DK" sz="1600" b="1" dirty="0">
                <a:latin typeface="+mn-lt"/>
              </a:rPr>
              <a:t>he microbial community abundance and</a:t>
            </a:r>
          </a:p>
          <a:p>
            <a:pPr>
              <a:lnSpc>
                <a:spcPct val="95000"/>
              </a:lnSpc>
            </a:pPr>
            <a:r>
              <a:rPr lang="en-DK" sz="1600" b="1" dirty="0">
                <a:latin typeface="+mn-lt"/>
              </a:rPr>
              <a:t>composition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7941728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05</Words>
  <Application>Microsoft Macintosh PowerPoint</Application>
  <PresentationFormat>Custom</PresentationFormat>
  <Paragraphs>185</Paragraphs>
  <Slides>15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5" baseType="lpstr">
      <vt:lpstr>AU Passata Light</vt:lpstr>
      <vt:lpstr>AU Peto</vt:lpstr>
      <vt:lpstr>Arial</vt:lpstr>
      <vt:lpstr>Georgia</vt:lpstr>
      <vt:lpstr>Wingdings 3</vt:lpstr>
      <vt:lpstr>AU Passata</vt:lpstr>
      <vt:lpstr>Cambria Math</vt:lpstr>
      <vt:lpstr>Calibri</vt:lpstr>
      <vt:lpstr>Wingdings</vt:lpstr>
      <vt:lpstr>AU 16:9</vt:lpstr>
      <vt:lpstr>PowerPoint Presentation</vt:lpstr>
      <vt:lpstr>PowerPoint Presentation</vt:lpstr>
      <vt:lpstr>Research questions </vt:lpstr>
      <vt:lpstr>Sample collection</vt:lpstr>
      <vt:lpstr>Experimental flow</vt:lpstr>
      <vt:lpstr>Does Sea ice act as a reservoir for INPs?</vt:lpstr>
      <vt:lpstr>Where do the INPs come from? Partitioning or production </vt:lpstr>
      <vt:lpstr>Incorporation of INPs in sea ice</vt:lpstr>
      <vt:lpstr>What is the temporal and spatial dynamics of INPs In Arctic sea ice?  </vt:lpstr>
      <vt:lpstr>Spatial and temporal variation</vt:lpstr>
      <vt:lpstr>Sea spray experiments</vt:lpstr>
      <vt:lpstr>INPS are effeciently aerosolized</vt:lpstr>
      <vt:lpstr>Sea ice associated INPs could have an atmospheric impact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4-22T12:50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71524485177037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504</vt:lpwstr>
  </property>
  <property fmtid="{D5CDD505-2E9C-101B-9397-08002B2CF9AE}" pid="62" name="colorthemechange">
    <vt:lpwstr>True</vt:lpwstr>
  </property>
</Properties>
</file>